
<file path=[Content_Types].xml><?xml version="1.0" encoding="utf-8"?>
<Types xmlns="http://schemas.openxmlformats.org/package/2006/content-types">
  <Default Extension="jpeg" ContentType="image/jpeg"/>
  <Default Extension="jpg" ContentType="image/jpeg"/>
  <Default Extension="mov" ContentType="video/quicktime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6.xml" ContentType="application/vnd.openxmlformats-officedocument.presentationml.tags+xml"/>
  <Override PartName="/ppt/notesSlides/notesSlide1.xml" ContentType="application/vnd.openxmlformats-officedocument.presentationml.notesSlide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60" r:id="rId1"/>
  </p:sldMasterIdLst>
  <p:notesMasterIdLst>
    <p:notesMasterId r:id="rId22"/>
  </p:notesMasterIdLst>
  <p:handoutMasterIdLst>
    <p:handoutMasterId r:id="rId23"/>
  </p:handoutMasterIdLst>
  <p:sldIdLst>
    <p:sldId id="299" r:id="rId2"/>
    <p:sldId id="289" r:id="rId3"/>
    <p:sldId id="337" r:id="rId4"/>
    <p:sldId id="335" r:id="rId5"/>
    <p:sldId id="336" r:id="rId6"/>
    <p:sldId id="334" r:id="rId7"/>
    <p:sldId id="320" r:id="rId8"/>
    <p:sldId id="342" r:id="rId9"/>
    <p:sldId id="330" r:id="rId10"/>
    <p:sldId id="340" r:id="rId11"/>
    <p:sldId id="345" r:id="rId12"/>
    <p:sldId id="341" r:id="rId13"/>
    <p:sldId id="343" r:id="rId14"/>
    <p:sldId id="344" r:id="rId15"/>
    <p:sldId id="328" r:id="rId16"/>
    <p:sldId id="332" r:id="rId17"/>
    <p:sldId id="338" r:id="rId18"/>
    <p:sldId id="339" r:id="rId19"/>
    <p:sldId id="333" r:id="rId20"/>
    <p:sldId id="298" r:id="rId21"/>
  </p:sldIdLst>
  <p:sldSz cx="12192000" cy="6858000"/>
  <p:notesSz cx="6858000" cy="9144000"/>
  <p:custDataLst>
    <p:tags r:id="rId2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Welcome" id="{E75E278A-FF0E-49A4-B170-79828D63BBAD}">
          <p14:sldIdLst>
            <p14:sldId id="299"/>
          </p14:sldIdLst>
        </p14:section>
        <p14:section name="Design, Morph, Annotate, Work Together, Tell Me" id="{B9B51309-D148-4332-87C2-07BE32FBCA3B}">
          <p14:sldIdLst>
            <p14:sldId id="289"/>
            <p14:sldId id="337"/>
            <p14:sldId id="335"/>
            <p14:sldId id="336"/>
            <p14:sldId id="334"/>
            <p14:sldId id="320"/>
            <p14:sldId id="342"/>
            <p14:sldId id="330"/>
            <p14:sldId id="340"/>
            <p14:sldId id="345"/>
            <p14:sldId id="341"/>
            <p14:sldId id="343"/>
            <p14:sldId id="344"/>
            <p14:sldId id="328"/>
            <p14:sldId id="332"/>
            <p14:sldId id="338"/>
            <p14:sldId id="339"/>
            <p14:sldId id="333"/>
            <p14:sldId id="298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2" name="Author" initials="A" lastIdx="0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5B9BD5"/>
    <a:srgbClr val="FFFFFF"/>
    <a:srgbClr val="FF3131"/>
    <a:srgbClr val="0070C0"/>
    <a:srgbClr val="E8E2E0"/>
    <a:srgbClr val="F5F5F5"/>
    <a:srgbClr val="005A84"/>
    <a:srgbClr val="D9D9D9"/>
    <a:srgbClr val="D24726"/>
    <a:srgbClr val="40404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417F076A-2D4D-D898-A46E-9561455D0555}" v="48" dt="2024-01-03T05:37:32.656"/>
    <p1510:client id="{8E12E00D-05F0-AB99-F4EA-E4117998B810}" v="1" dt="2024-01-03T06:12:07.193"/>
    <p1510:client id="{9EB3A473-CDFE-215C-B5BE-C03C5D777C99}" v="10" dt="2024-01-02T14:57:25.492"/>
    <p1510:client id="{E47532B8-0637-8FC5-F658-37D126CB5833}" v="75" dt="2024-01-03T06:30:16.497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9853" autoAdjust="0"/>
    <p:restoredTop sz="96374" autoAdjust="0"/>
  </p:normalViewPr>
  <p:slideViewPr>
    <p:cSldViewPr snapToGrid="0">
      <p:cViewPr varScale="1">
        <p:scale>
          <a:sx n="107" d="100"/>
          <a:sy n="107" d="100"/>
        </p:scale>
        <p:origin x="966" y="102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84" d="100"/>
          <a:sy n="84" d="100"/>
        </p:scale>
        <p:origin x="3828" y="90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commentAuthors" Target="commentAuthor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handoutMaster" Target="handoutMasters/handoutMaster1.xml"/><Relationship Id="rId28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notesMaster" Target="notesMasters/notesMaster1.xml"/><Relationship Id="rId27" Type="http://schemas.openxmlformats.org/officeDocument/2006/relationships/viewProps" Target="viewProps.xml"/><Relationship Id="rId30" Type="http://schemas.microsoft.com/office/2015/10/relationships/revisionInfo" Target="revisionInfo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80680FBE-A8DF-4758-9AC4-3A9E1039168F}" type="datetimeFigureOut">
              <a:rPr lang="en-US" smtClean="0"/>
              <a:t>1/3/2024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C679768-A2FC-4D08-91F6-8DCE6C566B36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30255166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C13577B-6902-467D-A26C-08A0DD5E4E03}" type="datetimeFigureOut">
              <a:rPr lang="en-US" smtClean="0"/>
              <a:t>1/3/2024</a:t>
            </a:fld>
            <a:endParaRPr lang="en-US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F61EA0F-A667-4B49-8422-0062BC55E249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8191029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F61EA0F-A667-4B49-8422-0062BC55E249}" type="slidenum">
              <a:rPr lang="en-US" smtClean="0"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9708641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 userDrawn="1"/>
        </p:nvSpPr>
        <p:spPr bwMode="blackWhite">
          <a:xfrm>
            <a:off x="254950" y="262784"/>
            <a:ext cx="11682101" cy="6332433"/>
          </a:xfrm>
          <a:prstGeom prst="rect">
            <a:avLst/>
          </a:prstGeom>
          <a:solidFill>
            <a:srgbClr val="D2472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0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1854949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/>
          <p:nvPr userDrawn="1"/>
        </p:nvSpPr>
        <p:spPr>
          <a:xfrm>
            <a:off x="256032" y="265176"/>
            <a:ext cx="11683049" cy="6332433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 anchorCtr="0"/>
          <a:lstStyle/>
          <a:p>
            <a:pPr algn="ctr"/>
            <a:endParaRPr lang="en-US" sz="1800" dirty="0"/>
          </a:p>
        </p:txBody>
      </p:sp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521207" y="448056"/>
            <a:ext cx="6877119" cy="640080"/>
          </a:xfrm>
        </p:spPr>
        <p:txBody>
          <a:bodyPr anchor="b" anchorCtr="0">
            <a:normAutofit/>
          </a:bodyPr>
          <a:lstStyle>
            <a:lvl1pPr>
              <a:defRPr sz="2800">
                <a:solidFill>
                  <a:schemeClr val="bg2">
                    <a:lumMod val="2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quarter" idx="10"/>
          </p:nvPr>
        </p:nvSpPr>
        <p:spPr>
          <a:xfrm>
            <a:off x="539496" y="1435608"/>
            <a:ext cx="4416552" cy="397764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2pPr>
            <a:lvl3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3pPr>
            <a:lvl4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4pPr>
            <a:lvl5pPr>
              <a:defRPr lang="en-US" sz="1200">
                <a:solidFill>
                  <a:schemeClr val="tx1">
                    <a:lumMod val="75000"/>
                    <a:lumOff val="25000"/>
                  </a:schemeClr>
                </a:solidFill>
              </a:defRPr>
            </a:lvl5pPr>
          </a:lstStyle>
          <a:p>
            <a:pPr marL="0" lvl="0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Click to edit Master text styles</a:t>
            </a:r>
          </a:p>
          <a:p>
            <a:pPr marL="0" lvl="1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Second level</a:t>
            </a:r>
          </a:p>
          <a:p>
            <a:pPr marL="0" lvl="2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Third level</a:t>
            </a:r>
          </a:p>
          <a:p>
            <a:pPr marL="0" lvl="3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ourth level</a:t>
            </a:r>
          </a:p>
          <a:p>
            <a:pPr marL="0" lvl="4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ifth level</a:t>
            </a:r>
            <a:endParaRPr lang="en-US" dirty="0"/>
          </a:p>
        </p:txBody>
      </p:sp>
      <p:sp>
        <p:nvSpPr>
          <p:cNvPr id="6" name="Date Placeholder 3"/>
          <p:cNvSpPr>
            <a:spLocks noGrp="1"/>
          </p:cNvSpPr>
          <p:nvPr>
            <p:ph type="dt" sz="half" idx="2"/>
          </p:nvPr>
        </p:nvSpPr>
        <p:spPr>
          <a:xfrm>
            <a:off x="539496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8BEEBAAA-29B5-4AF5-BC5F-7E580C29002D}" type="datetimeFigureOut">
              <a:rPr lang="en-US" smtClean="0"/>
              <a:pPr/>
              <a:t>1/3/2024</a:t>
            </a:fld>
            <a:endParaRPr lang="en-US" dirty="0"/>
          </a:p>
        </p:txBody>
      </p:sp>
      <p:sp>
        <p:nvSpPr>
          <p:cNvPr id="7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8200" y="6203952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8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371926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9860EDB8-5305-433F-BE41-D7A86D811DB3}" type="slidenum">
              <a:rPr lang="en-US" smtClean="0"/>
              <a:pPr/>
              <a:t>‹#›</a:t>
            </a:fld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583654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/>
          <p:nvPr userDrawn="1"/>
        </p:nvSpPr>
        <p:spPr>
          <a:xfrm>
            <a:off x="254951" y="262784"/>
            <a:ext cx="11683049" cy="6332433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0" dirty="0"/>
          </a:p>
        </p:txBody>
      </p:sp>
      <p:sp>
        <p:nvSpPr>
          <p:cNvPr id="10" name="Rectangle 9"/>
          <p:cNvSpPr/>
          <p:nvPr userDrawn="1"/>
        </p:nvSpPr>
        <p:spPr bwMode="blackWhite">
          <a:xfrm>
            <a:off x="254950" y="262784"/>
            <a:ext cx="11682101" cy="2072643"/>
          </a:xfrm>
          <a:prstGeom prst="rect">
            <a:avLst/>
          </a:prstGeom>
          <a:solidFill>
            <a:srgbClr val="D2472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0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21208" y="1536192"/>
            <a:ext cx="6876288" cy="640080"/>
          </a:xfrm>
        </p:spPr>
        <p:txBody>
          <a:bodyPr>
            <a:normAutofit/>
          </a:bodyPr>
          <a:lstStyle>
            <a:lvl1pPr>
              <a:defRPr sz="36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7" name="Content Placeholder 6"/>
          <p:cNvSpPr>
            <a:spLocks noGrp="1"/>
          </p:cNvSpPr>
          <p:nvPr>
            <p:ph sz="quarter" idx="13"/>
          </p:nvPr>
        </p:nvSpPr>
        <p:spPr>
          <a:xfrm>
            <a:off x="539496" y="2560320"/>
            <a:ext cx="9445752" cy="397764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400" smtClean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</a:defRPr>
            </a:lvl1pPr>
            <a:lvl2pPr>
              <a:defRPr lang="en-US" sz="1200" dirty="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2pPr>
            <a:lvl3pPr>
              <a:defRPr lang="en-US" sz="1200" dirty="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3pPr>
            <a:lvl4pPr>
              <a:defRPr lang="en-US" sz="1200" dirty="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4pPr>
            <a:lvl5pPr>
              <a:defRPr lang="en-US" sz="1200" dirty="0">
                <a:solidFill>
                  <a:schemeClr val="tx1">
                    <a:lumMod val="75000"/>
                    <a:lumOff val="25000"/>
                  </a:schemeClr>
                </a:solidFill>
              </a:defRPr>
            </a:lvl5pPr>
          </a:lstStyle>
          <a:p>
            <a:pPr marL="0" lvl="0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Click to edit Master text styles</a:t>
            </a:r>
          </a:p>
          <a:p>
            <a:pPr marL="0" lvl="1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Second level</a:t>
            </a:r>
          </a:p>
          <a:p>
            <a:pPr marL="0" lvl="2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Third level</a:t>
            </a:r>
          </a:p>
          <a:p>
            <a:pPr marL="0" lvl="3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ourth level</a:t>
            </a:r>
          </a:p>
          <a:p>
            <a:pPr marL="0" lvl="4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ifth level</a:t>
            </a:r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3565553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tags" Target="../tags/tag2.xml"/><Relationship Id="rId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 userDrawn="1"/>
        </p:nvSpPr>
        <p:spPr>
          <a:xfrm>
            <a:off x="256032" y="265176"/>
            <a:ext cx="11683049" cy="6332433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 anchorCtr="0"/>
          <a:lstStyle/>
          <a:p>
            <a:pPr algn="ctr"/>
            <a:endParaRPr lang="en-US" sz="1800" dirty="0"/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21208" y="448056"/>
            <a:ext cx="6876288" cy="640080"/>
          </a:xfrm>
          <a:prstGeom prst="rect">
            <a:avLst/>
          </a:prstGeom>
        </p:spPr>
        <p:txBody>
          <a:bodyPr vert="horz" lIns="91440" tIns="45720" rIns="91440" bIns="45720" rtlCol="0" anchor="b" anchorCtr="0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9496" y="1435608"/>
            <a:ext cx="4416552" cy="397764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39496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8BEEBAAA-29B5-4AF5-BC5F-7E580C29002D}" type="datetimeFigureOut">
              <a:rPr lang="en-US" smtClean="0"/>
              <a:pPr/>
              <a:t>1/3/2024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8200" y="6203952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375904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9860EDB8-5305-433F-BE41-D7A86D811DB3}" type="slidenum">
              <a:rPr lang="en-US" smtClean="0"/>
              <a:pPr/>
              <a:t>‹#›</a:t>
            </a:fld>
            <a:endParaRPr lang="en-US" dirty="0"/>
          </a:p>
        </p:txBody>
      </p:sp>
      <p:cxnSp>
        <p:nvCxnSpPr>
          <p:cNvPr id="8" name="Straight Connector 7"/>
          <p:cNvCxnSpPr/>
          <p:nvPr userDrawn="1"/>
        </p:nvCxnSpPr>
        <p:spPr>
          <a:xfrm>
            <a:off x="604434" y="1196392"/>
            <a:ext cx="10983132" cy="0"/>
          </a:xfrm>
          <a:prstGeom prst="line">
            <a:avLst/>
          </a:prstGeom>
          <a:ln w="25400">
            <a:solidFill>
              <a:srgbClr val="D2472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5"/>
    </p:custDataLst>
    <p:extLst>
      <p:ext uri="{BB962C8B-B14F-4D97-AF65-F5344CB8AC3E}">
        <p14:creationId xmlns:p14="http://schemas.microsoft.com/office/powerpoint/2010/main" val="94675494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</p:sldLayoutIdLst>
  <p:txStyles>
    <p:titleStyle>
      <a:lvl1pPr algn="l" defTabSz="914400" rtl="0" eaLnBrk="1" latinLnBrk="0" hangingPunct="1">
        <a:spcBef>
          <a:spcPct val="0"/>
        </a:spcBef>
        <a:buNone/>
        <a:defRPr sz="28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0" indent="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Tx/>
        <a:buNone/>
        <a:defRPr lang="en-US" sz="1200" kern="1200" dirty="0">
          <a:solidFill>
            <a:schemeClr val="tx1"/>
          </a:solidFill>
          <a:latin typeface="+mn-lt"/>
          <a:ea typeface="+mn-ea"/>
          <a:cs typeface="+mn-cs"/>
        </a:defRPr>
      </a:lvl1pPr>
      <a:lvl2pPr marL="2286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>
          <a:solidFill>
            <a:schemeClr val="tx1"/>
          </a:solidFill>
          <a:latin typeface="+mn-lt"/>
          <a:ea typeface="+mn-ea"/>
          <a:cs typeface="+mn-cs"/>
        </a:defRPr>
      </a:lvl2pPr>
      <a:lvl3pPr marL="6858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>
          <a:solidFill>
            <a:schemeClr val="tx1"/>
          </a:solidFill>
          <a:latin typeface="+mn-lt"/>
          <a:ea typeface="+mn-ea"/>
          <a:cs typeface="+mn-cs"/>
        </a:defRPr>
      </a:lvl3pPr>
      <a:lvl4pPr marL="11430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4pPr>
      <a:lvl5pPr marL="16002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5pPr>
      <a:lvl6pPr marL="20574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6pPr>
      <a:lvl7pPr marL="25146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7pPr>
      <a:lvl8pPr marL="29718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8pPr>
      <a:lvl9pPr marL="3429000" indent="-228600" algn="l" defTabSz="914400" rtl="0" eaLnBrk="1" latinLnBrk="0" hangingPunct="1">
        <a:lnSpc>
          <a:spcPct val="90000"/>
        </a:lnSpc>
        <a:spcBef>
          <a:spcPct val="30000"/>
        </a:spcBef>
        <a:buFont typeface="Arial" panose="020B0604020202020204" pitchFamily="34" charset="0"/>
        <a:buNone/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5" Type="http://schemas.openxmlformats.org/officeDocument/2006/relationships/image" Target="../media/image2.jpg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png"/><Relationship Id="rId3" Type="http://schemas.openxmlformats.org/officeDocument/2006/relationships/image" Target="../media/image1.png"/><Relationship Id="rId7" Type="http://schemas.openxmlformats.org/officeDocument/2006/relationships/image" Target="../media/image3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6" Type="http://schemas.openxmlformats.org/officeDocument/2006/relationships/image" Target="../media/image21.jpg"/><Relationship Id="rId5" Type="http://schemas.openxmlformats.org/officeDocument/2006/relationships/slide" Target="slide2.xml"/><Relationship Id="rId10" Type="http://schemas.openxmlformats.org/officeDocument/2006/relationships/image" Target="../media/image36.png"/><Relationship Id="rId4" Type="http://schemas.openxmlformats.org/officeDocument/2006/relationships/slide" Target="slide1.xml"/><Relationship Id="rId9" Type="http://schemas.openxmlformats.org/officeDocument/2006/relationships/image" Target="../media/image35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hyperlink" Target="https://salesportal.aptaracorp.com/blockchain/story_html5.html" TargetMode="External"/><Relationship Id="rId3" Type="http://schemas.openxmlformats.org/officeDocument/2006/relationships/image" Target="../media/image1.png"/><Relationship Id="rId7" Type="http://schemas.openxmlformats.org/officeDocument/2006/relationships/image" Target="../media/image37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Relationship Id="rId6" Type="http://schemas.openxmlformats.org/officeDocument/2006/relationships/image" Target="../media/image30.png"/><Relationship Id="rId5" Type="http://schemas.openxmlformats.org/officeDocument/2006/relationships/slide" Target="slide2.xml"/><Relationship Id="rId4" Type="http://schemas.openxmlformats.org/officeDocument/2006/relationships/slide" Target="slide1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8.png"/><Relationship Id="rId3" Type="http://schemas.openxmlformats.org/officeDocument/2006/relationships/image" Target="../media/image1.png"/><Relationship Id="rId7" Type="http://schemas.openxmlformats.org/officeDocument/2006/relationships/image" Target="../media/image30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Relationship Id="rId6" Type="http://schemas.openxmlformats.org/officeDocument/2006/relationships/image" Target="../media/image29.jpg"/><Relationship Id="rId5" Type="http://schemas.openxmlformats.org/officeDocument/2006/relationships/slide" Target="slide2.xml"/><Relationship Id="rId10" Type="http://schemas.openxmlformats.org/officeDocument/2006/relationships/hyperlink" Target="https://www.youtube.com/@khanacademy/videos" TargetMode="External"/><Relationship Id="rId4" Type="http://schemas.openxmlformats.org/officeDocument/2006/relationships/slide" Target="slide1.xml"/><Relationship Id="rId9" Type="http://schemas.openxmlformats.org/officeDocument/2006/relationships/image" Target="../media/image39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png"/><Relationship Id="rId3" Type="http://schemas.openxmlformats.org/officeDocument/2006/relationships/image" Target="../media/image1.png"/><Relationship Id="rId7" Type="http://schemas.openxmlformats.org/officeDocument/2006/relationships/image" Target="../media/image40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Relationship Id="rId6" Type="http://schemas.openxmlformats.org/officeDocument/2006/relationships/image" Target="../media/image30.png"/><Relationship Id="rId5" Type="http://schemas.openxmlformats.org/officeDocument/2006/relationships/slide" Target="slide2.xml"/><Relationship Id="rId10" Type="http://schemas.openxmlformats.org/officeDocument/2006/relationships/hyperlink" Target="https://skillzeus.com/sftpskillzeus/USAA_animation_hb.mp4" TargetMode="External"/><Relationship Id="rId4" Type="http://schemas.openxmlformats.org/officeDocument/2006/relationships/slide" Target="slide1.xml"/><Relationship Id="rId9" Type="http://schemas.openxmlformats.org/officeDocument/2006/relationships/hyperlink" Target="https://skillzeus.com/sftpskillzeus/Delek_HB.mp4" TargetMode="Externa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slide" Target="slide1.xml"/><Relationship Id="rId7" Type="http://schemas.openxmlformats.org/officeDocument/2006/relationships/hyperlink" Target="https://elearning.aptaracorp.com/Demo_Course/Team_Collaboration/index.html" TargetMode="Externa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42.png"/><Relationship Id="rId5" Type="http://schemas.openxmlformats.org/officeDocument/2006/relationships/image" Target="../media/image30.png"/><Relationship Id="rId4" Type="http://schemas.openxmlformats.org/officeDocument/2006/relationships/slide" Target="slide2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5.png"/><Relationship Id="rId3" Type="http://schemas.openxmlformats.org/officeDocument/2006/relationships/image" Target="../media/image1.png"/><Relationship Id="rId7" Type="http://schemas.openxmlformats.org/officeDocument/2006/relationships/image" Target="../media/image44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9.xml"/><Relationship Id="rId6" Type="http://schemas.openxmlformats.org/officeDocument/2006/relationships/image" Target="../media/image43.png"/><Relationship Id="rId5" Type="http://schemas.openxmlformats.org/officeDocument/2006/relationships/slide" Target="slide2.xml"/><Relationship Id="rId4" Type="http://schemas.openxmlformats.org/officeDocument/2006/relationships/slide" Target="slide1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0.xml"/><Relationship Id="rId6" Type="http://schemas.openxmlformats.org/officeDocument/2006/relationships/image" Target="../media/image46.png"/><Relationship Id="rId5" Type="http://schemas.openxmlformats.org/officeDocument/2006/relationships/slide" Target="slide2.xml"/><Relationship Id="rId4" Type="http://schemas.openxmlformats.org/officeDocument/2006/relationships/slide" Target="slide1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9.png"/><Relationship Id="rId3" Type="http://schemas.openxmlformats.org/officeDocument/2006/relationships/image" Target="../media/image1.png"/><Relationship Id="rId7" Type="http://schemas.openxmlformats.org/officeDocument/2006/relationships/image" Target="../media/image48.jp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1.xml"/><Relationship Id="rId6" Type="http://schemas.openxmlformats.org/officeDocument/2006/relationships/image" Target="../media/image47.jpg"/><Relationship Id="rId5" Type="http://schemas.openxmlformats.org/officeDocument/2006/relationships/slide" Target="slide2.xml"/><Relationship Id="rId4" Type="http://schemas.openxmlformats.org/officeDocument/2006/relationships/slide" Target="slide1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png"/><Relationship Id="rId13" Type="http://schemas.openxmlformats.org/officeDocument/2006/relationships/image" Target="../media/image55.png"/><Relationship Id="rId3" Type="http://schemas.openxmlformats.org/officeDocument/2006/relationships/video" Target="../media/media1.mov"/><Relationship Id="rId7" Type="http://schemas.openxmlformats.org/officeDocument/2006/relationships/slide" Target="slide2.xml"/><Relationship Id="rId12" Type="http://schemas.openxmlformats.org/officeDocument/2006/relationships/image" Target="../media/image54.svg"/><Relationship Id="rId17" Type="http://schemas.openxmlformats.org/officeDocument/2006/relationships/image" Target="../media/image59.jpg"/><Relationship Id="rId2" Type="http://schemas.microsoft.com/office/2007/relationships/media" Target="../media/media1.mov"/><Relationship Id="rId16" Type="http://schemas.openxmlformats.org/officeDocument/2006/relationships/image" Target="../media/image58.svg"/><Relationship Id="rId1" Type="http://schemas.openxmlformats.org/officeDocument/2006/relationships/tags" Target="../tags/tag22.xml"/><Relationship Id="rId6" Type="http://schemas.openxmlformats.org/officeDocument/2006/relationships/slide" Target="slide1.xml"/><Relationship Id="rId11" Type="http://schemas.openxmlformats.org/officeDocument/2006/relationships/image" Target="../media/image53.png"/><Relationship Id="rId5" Type="http://schemas.openxmlformats.org/officeDocument/2006/relationships/image" Target="../media/image1.png"/><Relationship Id="rId15" Type="http://schemas.openxmlformats.org/officeDocument/2006/relationships/image" Target="../media/image57.png"/><Relationship Id="rId10" Type="http://schemas.openxmlformats.org/officeDocument/2006/relationships/image" Target="../media/image52.svg"/><Relationship Id="rId4" Type="http://schemas.openxmlformats.org/officeDocument/2006/relationships/slideLayout" Target="../slideLayouts/slideLayout2.xml"/><Relationship Id="rId9" Type="http://schemas.openxmlformats.org/officeDocument/2006/relationships/image" Target="../media/image51.png"/><Relationship Id="rId14" Type="http://schemas.openxmlformats.org/officeDocument/2006/relationships/image" Target="../media/image56.sv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65.png"/><Relationship Id="rId13" Type="http://schemas.openxmlformats.org/officeDocument/2006/relationships/image" Target="../media/image70.png"/><Relationship Id="rId3" Type="http://schemas.openxmlformats.org/officeDocument/2006/relationships/image" Target="../media/image60.jpg"/><Relationship Id="rId7" Type="http://schemas.openxmlformats.org/officeDocument/2006/relationships/image" Target="../media/image64.png"/><Relationship Id="rId12" Type="http://schemas.openxmlformats.org/officeDocument/2006/relationships/image" Target="../media/image69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63.png"/><Relationship Id="rId11" Type="http://schemas.openxmlformats.org/officeDocument/2006/relationships/image" Target="../media/image68.png"/><Relationship Id="rId5" Type="http://schemas.openxmlformats.org/officeDocument/2006/relationships/image" Target="../media/image62.png"/><Relationship Id="rId15" Type="http://schemas.openxmlformats.org/officeDocument/2006/relationships/image" Target="../media/image72.png"/><Relationship Id="rId10" Type="http://schemas.openxmlformats.org/officeDocument/2006/relationships/image" Target="../media/image67.jpg"/><Relationship Id="rId4" Type="http://schemas.openxmlformats.org/officeDocument/2006/relationships/image" Target="../media/image61.jpg"/><Relationship Id="rId9" Type="http://schemas.openxmlformats.org/officeDocument/2006/relationships/image" Target="../media/image66.jpeg"/><Relationship Id="rId14" Type="http://schemas.openxmlformats.org/officeDocument/2006/relationships/image" Target="../media/image71.jp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jpg"/><Relationship Id="rId3" Type="http://schemas.openxmlformats.org/officeDocument/2006/relationships/image" Target="../media/image1.png"/><Relationship Id="rId7" Type="http://schemas.openxmlformats.org/officeDocument/2006/relationships/image" Target="../media/image4.jp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image" Target="../media/image3.jpg"/><Relationship Id="rId5" Type="http://schemas.openxmlformats.org/officeDocument/2006/relationships/slide" Target="slide2.xml"/><Relationship Id="rId4" Type="http://schemas.openxmlformats.org/officeDocument/2006/relationships/slide" Target="slide1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3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jpg"/><Relationship Id="rId3" Type="http://schemas.openxmlformats.org/officeDocument/2006/relationships/image" Target="../media/image1.png"/><Relationship Id="rId7" Type="http://schemas.openxmlformats.org/officeDocument/2006/relationships/image" Target="../media/image7.jp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image" Target="../media/image6.jpg"/><Relationship Id="rId5" Type="http://schemas.openxmlformats.org/officeDocument/2006/relationships/slide" Target="slide2.xml"/><Relationship Id="rId4" Type="http://schemas.openxmlformats.org/officeDocument/2006/relationships/slide" Target="slide1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jpg"/><Relationship Id="rId3" Type="http://schemas.openxmlformats.org/officeDocument/2006/relationships/image" Target="../media/image1.png"/><Relationship Id="rId7" Type="http://schemas.openxmlformats.org/officeDocument/2006/relationships/image" Target="../media/image10.jp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9.jpg"/><Relationship Id="rId5" Type="http://schemas.openxmlformats.org/officeDocument/2006/relationships/slide" Target="slide2.xml"/><Relationship Id="rId4" Type="http://schemas.openxmlformats.org/officeDocument/2006/relationships/slide" Target="slide1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jpg"/><Relationship Id="rId3" Type="http://schemas.openxmlformats.org/officeDocument/2006/relationships/image" Target="../media/image1.png"/><Relationship Id="rId7" Type="http://schemas.openxmlformats.org/officeDocument/2006/relationships/image" Target="../media/image13.jp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6" Type="http://schemas.openxmlformats.org/officeDocument/2006/relationships/image" Target="../media/image12.jpg"/><Relationship Id="rId5" Type="http://schemas.openxmlformats.org/officeDocument/2006/relationships/slide" Target="slide2.xml"/><Relationship Id="rId4" Type="http://schemas.openxmlformats.org/officeDocument/2006/relationships/slide" Target="slide1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image" Target="../media/image1.png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6" Type="http://schemas.openxmlformats.org/officeDocument/2006/relationships/image" Target="../media/image15.jpg"/><Relationship Id="rId11" Type="http://schemas.openxmlformats.org/officeDocument/2006/relationships/image" Target="../media/image20.png"/><Relationship Id="rId5" Type="http://schemas.openxmlformats.org/officeDocument/2006/relationships/slide" Target="slide2.xml"/><Relationship Id="rId10" Type="http://schemas.openxmlformats.org/officeDocument/2006/relationships/image" Target="../media/image19.png"/><Relationship Id="rId4" Type="http://schemas.openxmlformats.org/officeDocument/2006/relationships/slide" Target="slide1.xml"/><Relationship Id="rId9" Type="http://schemas.openxmlformats.org/officeDocument/2006/relationships/image" Target="../media/image18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3.png"/><Relationship Id="rId3" Type="http://schemas.openxmlformats.org/officeDocument/2006/relationships/image" Target="../media/image1.png"/><Relationship Id="rId7" Type="http://schemas.openxmlformats.org/officeDocument/2006/relationships/image" Target="../media/image22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6" Type="http://schemas.openxmlformats.org/officeDocument/2006/relationships/image" Target="../media/image21.jpg"/><Relationship Id="rId5" Type="http://schemas.openxmlformats.org/officeDocument/2006/relationships/slide" Target="slide2.xml"/><Relationship Id="rId4" Type="http://schemas.openxmlformats.org/officeDocument/2006/relationships/slide" Target="slide1.xml"/><Relationship Id="rId9" Type="http://schemas.openxmlformats.org/officeDocument/2006/relationships/image" Target="../media/image24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image" Target="../media/image1.png"/><Relationship Id="rId7" Type="http://schemas.openxmlformats.org/officeDocument/2006/relationships/image" Target="../media/image25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Relationship Id="rId6" Type="http://schemas.openxmlformats.org/officeDocument/2006/relationships/image" Target="../media/image21.jpg"/><Relationship Id="rId5" Type="http://schemas.openxmlformats.org/officeDocument/2006/relationships/slide" Target="slide2.xml"/><Relationship Id="rId10" Type="http://schemas.openxmlformats.org/officeDocument/2006/relationships/image" Target="../media/image28.png"/><Relationship Id="rId4" Type="http://schemas.openxmlformats.org/officeDocument/2006/relationships/slide" Target="slide1.xml"/><Relationship Id="rId9" Type="http://schemas.openxmlformats.org/officeDocument/2006/relationships/image" Target="../media/image27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1.png"/><Relationship Id="rId3" Type="http://schemas.openxmlformats.org/officeDocument/2006/relationships/image" Target="../media/image1.png"/><Relationship Id="rId7" Type="http://schemas.openxmlformats.org/officeDocument/2006/relationships/image" Target="../media/image30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Relationship Id="rId6" Type="http://schemas.openxmlformats.org/officeDocument/2006/relationships/image" Target="../media/image29.jpg"/><Relationship Id="rId5" Type="http://schemas.openxmlformats.org/officeDocument/2006/relationships/slide" Target="slide2.xml"/><Relationship Id="rId10" Type="http://schemas.openxmlformats.org/officeDocument/2006/relationships/hyperlink" Target="https://360.articulate.com/review/content/623be7e2-28d0-41eb-b742-f0407b1677a1/review" TargetMode="External"/><Relationship Id="rId4" Type="http://schemas.openxmlformats.org/officeDocument/2006/relationships/slide" Target="slide1.xml"/><Relationship Id="rId9" Type="http://schemas.openxmlformats.org/officeDocument/2006/relationships/image" Target="../media/image3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Picture 24" descr="Icon&#10;&#10;Description automatically generated">
            <a:extLst>
              <a:ext uri="{FF2B5EF4-FFF2-40B4-BE49-F238E27FC236}">
                <a16:creationId xmlns:a16="http://schemas.microsoft.com/office/drawing/2014/main" id="{72E93D21-688C-48D6-BD00-14E20A94B5E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780238" y="426955"/>
            <a:ext cx="982033" cy="186247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5E632909-9CE2-4D32-B097-D29AB87E2DE7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/>
          <a:stretch/>
        </p:blipFill>
        <p:spPr>
          <a:xfrm>
            <a:off x="6721805" y="1470619"/>
            <a:ext cx="5207252" cy="4263080"/>
          </a:xfrm>
          <a:prstGeom prst="rect">
            <a:avLst/>
          </a:prstGeom>
        </p:spPr>
      </p:pic>
      <p:sp>
        <p:nvSpPr>
          <p:cNvPr id="7" name="Rectangle 2">
            <a:extLst>
              <a:ext uri="{FF2B5EF4-FFF2-40B4-BE49-F238E27FC236}">
                <a16:creationId xmlns:a16="http://schemas.microsoft.com/office/drawing/2014/main" id="{AA30F481-17B2-4B2B-B2EC-11B6860E82E5}"/>
              </a:ext>
            </a:extLst>
          </p:cNvPr>
          <p:cNvSpPr txBox="1">
            <a:spLocks noChangeArrowheads="1"/>
          </p:cNvSpPr>
          <p:nvPr/>
        </p:nvSpPr>
        <p:spPr>
          <a:xfrm>
            <a:off x="706827" y="2625314"/>
            <a:ext cx="5971846" cy="757130"/>
          </a:xfrm>
          <a:prstGeom prst="rect">
            <a:avLst/>
          </a:prstGeom>
        </p:spPr>
        <p:txBody>
          <a:bodyPr wrap="square">
            <a:sp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altLang="en-US" sz="4800" dirty="0">
                <a:solidFill>
                  <a:srgbClr val="0070C0"/>
                </a:solidFill>
                <a:ea typeface="Roboto" panose="02000000000000000000" pitchFamily="2" charset="0"/>
                <a:cs typeface="Calibri Light" panose="020F0302020204030204" pitchFamily="34" charset="0"/>
              </a:rPr>
              <a:t>Kamar Hussain</a:t>
            </a:r>
            <a:endParaRPr lang="en-US" altLang="en-US" sz="4800" dirty="0">
              <a:solidFill>
                <a:srgbClr val="0070C0"/>
              </a:solidFill>
              <a:ea typeface="Roboto" panose="02000000000000000000" pitchFamily="2" charset="0"/>
              <a:cs typeface="Calibri" panose="020F0502020204030204" pitchFamily="34" charset="0"/>
            </a:endParaRPr>
          </a:p>
        </p:txBody>
      </p:sp>
      <p:sp>
        <p:nvSpPr>
          <p:cNvPr id="8" name="Rectangle 3">
            <a:extLst>
              <a:ext uri="{FF2B5EF4-FFF2-40B4-BE49-F238E27FC236}">
                <a16:creationId xmlns:a16="http://schemas.microsoft.com/office/drawing/2014/main" id="{E9D945D8-4722-4EA2-A190-2D7942FE9F22}"/>
              </a:ext>
            </a:extLst>
          </p:cNvPr>
          <p:cNvSpPr txBox="1">
            <a:spLocks noChangeArrowheads="1"/>
          </p:cNvSpPr>
          <p:nvPr/>
        </p:nvSpPr>
        <p:spPr>
          <a:xfrm>
            <a:off x="749959" y="3382444"/>
            <a:ext cx="4644160" cy="3139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alt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Roboto" panose="02000000000000000000" pitchFamily="2" charset="0"/>
                <a:cs typeface="Calibri" panose="020F0502020204030204" pitchFamily="34" charset="0"/>
              </a:rPr>
              <a:t>E-learning Designer and Developer</a:t>
            </a:r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70D7540F-295B-9385-DF91-B7E660E8978D}"/>
              </a:ext>
            </a:extLst>
          </p:cNvPr>
          <p:cNvSpPr/>
          <p:nvPr/>
        </p:nvSpPr>
        <p:spPr>
          <a:xfrm>
            <a:off x="5742878" y="5140712"/>
            <a:ext cx="1438507" cy="1438507"/>
          </a:xfrm>
          <a:prstGeom prst="rect">
            <a:avLst/>
          </a:prstGeom>
          <a:solidFill>
            <a:srgbClr val="E8E2E0">
              <a:alpha val="50196"/>
            </a:srgb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2826AA6C-BAF8-8A5F-12AA-E5D4DDFFEA0E}"/>
              </a:ext>
            </a:extLst>
          </p:cNvPr>
          <p:cNvSpPr/>
          <p:nvPr/>
        </p:nvSpPr>
        <p:spPr>
          <a:xfrm>
            <a:off x="6159483" y="1161443"/>
            <a:ext cx="787728" cy="618352"/>
          </a:xfrm>
          <a:prstGeom prst="rect">
            <a:avLst/>
          </a:prstGeom>
          <a:solidFill>
            <a:schemeClr val="bg1">
              <a:lumMod val="95000"/>
              <a:alpha val="50196"/>
            </a:scheme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4644501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Captivate Samples (</a:t>
            </a:r>
            <a:r>
              <a:rPr lang="en-US" b="1" dirty="0">
                <a:latin typeface="Segoe UI Light" panose="020B0502040204020203" pitchFamily="34" charset="0"/>
                <a:cs typeface="Segoe UI Light" panose="020B0502040204020203" pitchFamily="34" charset="0"/>
              </a:rPr>
              <a:t>Micro Learning</a:t>
            </a:r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)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832322"/>
            <a:ext cx="2823064" cy="95410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Captivate 2019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Sound Forge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5159944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captivate course (full custom GUI) is created using the tools mentioned below.</a:t>
            </a: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EEF38BC4-FD7B-F3F1-A079-6F31EB229AE0}"/>
              </a:ext>
            </a:extLst>
          </p:cNvPr>
          <p:cNvGrpSpPr/>
          <p:nvPr/>
        </p:nvGrpSpPr>
        <p:grpSpPr>
          <a:xfrm>
            <a:off x="6509222" y="1832322"/>
            <a:ext cx="5423119" cy="3872086"/>
            <a:chOff x="6202987" y="1832322"/>
            <a:chExt cx="5423119" cy="3872086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0B334C31-62DF-C8BD-DCD2-BCECA5FCDC1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l="6902" t="5325" r="8015" b="3494"/>
            <a:stretch/>
          </p:blipFill>
          <p:spPr>
            <a:xfrm>
              <a:off x="6202987" y="1832322"/>
              <a:ext cx="5423119" cy="3872086"/>
            </a:xfrm>
            <a:prstGeom prst="rect">
              <a:avLst/>
            </a:prstGeom>
            <a:ln>
              <a:noFill/>
            </a:ln>
          </p:spPr>
        </p:pic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5D3C8C22-EE33-EF5D-FA80-D43F5CDC31F4}"/>
                </a:ext>
              </a:extLst>
            </p:cNvPr>
            <p:cNvSpPr/>
            <p:nvPr/>
          </p:nvSpPr>
          <p:spPr>
            <a:xfrm>
              <a:off x="7216129" y="2220502"/>
              <a:ext cx="3453655" cy="2151473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pic>
          <p:nvPicPr>
            <p:cNvPr id="11" name="Picture 10" descr="A person sitting at a desk using a computer&#10;&#10;Description automatically generated">
              <a:extLst>
                <a:ext uri="{FF2B5EF4-FFF2-40B4-BE49-F238E27FC236}">
                  <a16:creationId xmlns:a16="http://schemas.microsoft.com/office/drawing/2014/main" id="{CB089ACF-4B11-75C0-8EF9-932B969D8B86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7238802" y="2297318"/>
              <a:ext cx="3420234" cy="1922172"/>
            </a:xfrm>
            <a:prstGeom prst="rect">
              <a:avLst/>
            </a:prstGeom>
          </p:spPr>
        </p:pic>
      </p:grpSp>
      <p:pic>
        <p:nvPicPr>
          <p:cNvPr id="9" name="Picture 8" descr="A person standing on a globe&#10;&#10;Description automatically generated">
            <a:extLst>
              <a:ext uri="{FF2B5EF4-FFF2-40B4-BE49-F238E27FC236}">
                <a16:creationId xmlns:a16="http://schemas.microsoft.com/office/drawing/2014/main" id="{76E6BFC8-71B9-C11B-1E1A-2F1EB226D49F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029394" y="1779735"/>
            <a:ext cx="4160555" cy="2338232"/>
          </a:xfrm>
          <a:prstGeom prst="rect">
            <a:avLst/>
          </a:prstGeom>
        </p:spPr>
      </p:pic>
      <p:pic>
        <p:nvPicPr>
          <p:cNvPr id="6" name="Picture 5" descr="A person holding a tablet&#10;&#10;Description automatically generated">
            <a:extLst>
              <a:ext uri="{FF2B5EF4-FFF2-40B4-BE49-F238E27FC236}">
                <a16:creationId xmlns:a16="http://schemas.microsoft.com/office/drawing/2014/main" id="{E8631CAD-51EF-B15C-08F8-67C64F1FDBEA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23893" y="3525119"/>
            <a:ext cx="3619133" cy="2033953"/>
          </a:xfrm>
          <a:prstGeom prst="rect">
            <a:avLst/>
          </a:prstGeom>
        </p:spPr>
      </p:pic>
      <p:pic>
        <p:nvPicPr>
          <p:cNvPr id="15" name="Picture 14" descr="A screenshot of a computer&#10;&#10;Description automatically generated">
            <a:extLst>
              <a:ext uri="{FF2B5EF4-FFF2-40B4-BE49-F238E27FC236}">
                <a16:creationId xmlns:a16="http://schemas.microsoft.com/office/drawing/2014/main" id="{E16D7FE0-CD58-8830-2E99-F7A34891A573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3418936" y="4487832"/>
            <a:ext cx="3812241" cy="21424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4627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Micro Learning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832322"/>
            <a:ext cx="2823064" cy="95410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Captivate 2019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>
                <a:latin typeface="Segoe UI" panose="020B0502040204020203" pitchFamily="34" charset="0"/>
                <a:cs typeface="Segoe UI" panose="020B0502040204020203" pitchFamily="34" charset="0"/>
              </a:rPr>
              <a:t>Sound Forge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5159944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captivate course (full custom GUI) is created using the tools mentioned below.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703F907B-05EB-740D-6425-8F3DD1090434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616047" y="2790253"/>
            <a:ext cx="4703493" cy="3325355"/>
          </a:xfrm>
          <a:prstGeom prst="rect">
            <a:avLst/>
          </a:prstGeom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13CFD406-37F6-FDF9-682A-DF1CCE5243A2}"/>
              </a:ext>
            </a:extLst>
          </p:cNvPr>
          <p:cNvSpPr/>
          <p:nvPr/>
        </p:nvSpPr>
        <p:spPr>
          <a:xfrm>
            <a:off x="7084331" y="3021054"/>
            <a:ext cx="3799194" cy="2662428"/>
          </a:xfrm>
          <a:prstGeom prst="rect">
            <a:avLst/>
          </a:prstGeom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27" name="Picture 26" descr="A screenshot of a computer&#10;&#10;Description automatically generated">
            <a:extLst>
              <a:ext uri="{FF2B5EF4-FFF2-40B4-BE49-F238E27FC236}">
                <a16:creationId xmlns:a16="http://schemas.microsoft.com/office/drawing/2014/main" id="{1D936B3D-9FCD-6671-F100-256DDB256155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082731" y="3168717"/>
            <a:ext cx="3802395" cy="2367103"/>
          </a:xfrm>
          <a:prstGeom prst="rect">
            <a:avLst/>
          </a:prstGeom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9D8630EE-E6FC-4C87-8086-F294B729C2F6}"/>
              </a:ext>
            </a:extLst>
          </p:cNvPr>
          <p:cNvGrpSpPr/>
          <p:nvPr/>
        </p:nvGrpSpPr>
        <p:grpSpPr>
          <a:xfrm>
            <a:off x="8733287" y="4101627"/>
            <a:ext cx="501283" cy="501283"/>
            <a:chOff x="8663851" y="2766284"/>
            <a:chExt cx="515145" cy="515145"/>
          </a:xfrm>
        </p:grpSpPr>
        <p:sp>
          <p:nvSpPr>
            <p:cNvPr id="10" name="Oval 9">
              <a:extLst>
                <a:ext uri="{FF2B5EF4-FFF2-40B4-BE49-F238E27FC236}">
                  <a16:creationId xmlns:a16="http://schemas.microsoft.com/office/drawing/2014/main" id="{B7B099C6-66DB-7A47-9A9B-DD578FEF2CE7}"/>
                </a:ext>
              </a:extLst>
            </p:cNvPr>
            <p:cNvSpPr/>
            <p:nvPr/>
          </p:nvSpPr>
          <p:spPr>
            <a:xfrm>
              <a:off x="8663851" y="2766284"/>
              <a:ext cx="515145" cy="515145"/>
            </a:xfrm>
            <a:prstGeom prst="ellipse">
              <a:avLst/>
            </a:prstGeom>
            <a:solidFill>
              <a:srgbClr val="C0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12" name="Freeform: Shape 11">
              <a:extLst>
                <a:ext uri="{FF2B5EF4-FFF2-40B4-BE49-F238E27FC236}">
                  <a16:creationId xmlns:a16="http://schemas.microsoft.com/office/drawing/2014/main" id="{D798F76B-2A2B-F514-ED82-0468803CE30D}"/>
                </a:ext>
              </a:extLst>
            </p:cNvPr>
            <p:cNvSpPr/>
            <p:nvPr/>
          </p:nvSpPr>
          <p:spPr>
            <a:xfrm>
              <a:off x="8709954" y="2812387"/>
              <a:ext cx="422938" cy="422938"/>
            </a:xfrm>
            <a:custGeom>
              <a:avLst/>
              <a:gdLst>
                <a:gd name="connsiteX0" fmla="*/ 1555718 w 3111436"/>
                <a:gd name="connsiteY0" fmla="*/ 0 h 3111436"/>
                <a:gd name="connsiteX1" fmla="*/ 2655761 w 3111436"/>
                <a:gd name="connsiteY1" fmla="*/ 455676 h 3111436"/>
                <a:gd name="connsiteX2" fmla="*/ 3111437 w 3111436"/>
                <a:gd name="connsiteY2" fmla="*/ 1555718 h 3111436"/>
                <a:gd name="connsiteX3" fmla="*/ 2655761 w 3111436"/>
                <a:gd name="connsiteY3" fmla="*/ 2655761 h 3111436"/>
                <a:gd name="connsiteX4" fmla="*/ 1555718 w 3111436"/>
                <a:gd name="connsiteY4" fmla="*/ 3111437 h 3111436"/>
                <a:gd name="connsiteX5" fmla="*/ 455676 w 3111436"/>
                <a:gd name="connsiteY5" fmla="*/ 2655761 h 3111436"/>
                <a:gd name="connsiteX6" fmla="*/ 0 w 3111436"/>
                <a:gd name="connsiteY6" fmla="*/ 1555718 h 3111436"/>
                <a:gd name="connsiteX7" fmla="*/ 455676 w 3111436"/>
                <a:gd name="connsiteY7" fmla="*/ 455676 h 3111436"/>
                <a:gd name="connsiteX8" fmla="*/ 1555718 w 3111436"/>
                <a:gd name="connsiteY8" fmla="*/ 0 h 3111436"/>
                <a:gd name="connsiteX9" fmla="*/ 1220057 w 3111436"/>
                <a:gd name="connsiteY9" fmla="*/ 1555718 h 3111436"/>
                <a:gd name="connsiteX10" fmla="*/ 1147096 w 3111436"/>
                <a:gd name="connsiteY10" fmla="*/ 1628680 h 3111436"/>
                <a:gd name="connsiteX11" fmla="*/ 1074134 w 3111436"/>
                <a:gd name="connsiteY11" fmla="*/ 1555718 h 3111436"/>
                <a:gd name="connsiteX12" fmla="*/ 1074134 w 3111436"/>
                <a:gd name="connsiteY12" fmla="*/ 897160 h 3111436"/>
                <a:gd name="connsiteX13" fmla="*/ 1147096 w 3111436"/>
                <a:gd name="connsiteY13" fmla="*/ 824294 h 3111436"/>
                <a:gd name="connsiteX14" fmla="*/ 1189577 w 3111436"/>
                <a:gd name="connsiteY14" fmla="*/ 837914 h 3111436"/>
                <a:gd name="connsiteX15" fmla="*/ 2280571 w 3111436"/>
                <a:gd name="connsiteY15" fmla="*/ 1493330 h 3111436"/>
                <a:gd name="connsiteX16" fmla="*/ 2305622 w 3111436"/>
                <a:gd name="connsiteY16" fmla="*/ 1592961 h 3111436"/>
                <a:gd name="connsiteX17" fmla="*/ 2279904 w 3111436"/>
                <a:gd name="connsiteY17" fmla="*/ 1618393 h 3111436"/>
                <a:gd name="connsiteX18" fmla="*/ 1184434 w 3111436"/>
                <a:gd name="connsiteY18" fmla="*/ 2276475 h 3111436"/>
                <a:gd name="connsiteX19" fmla="*/ 1084802 w 3111436"/>
                <a:gd name="connsiteY19" fmla="*/ 2251424 h 3111436"/>
                <a:gd name="connsiteX20" fmla="*/ 1109853 w 3111436"/>
                <a:gd name="connsiteY20" fmla="*/ 2151698 h 3111436"/>
                <a:gd name="connsiteX21" fmla="*/ 2102168 w 3111436"/>
                <a:gd name="connsiteY21" fmla="*/ 1555528 h 3111436"/>
                <a:gd name="connsiteX22" fmla="*/ 1220153 w 3111436"/>
                <a:gd name="connsiteY22" fmla="*/ 1025652 h 3111436"/>
                <a:gd name="connsiteX23" fmla="*/ 1220153 w 3111436"/>
                <a:gd name="connsiteY23" fmla="*/ 1555528 h 3111436"/>
                <a:gd name="connsiteX24" fmla="*/ 2552605 w 3111436"/>
                <a:gd name="connsiteY24" fmla="*/ 558737 h 3111436"/>
                <a:gd name="connsiteX25" fmla="*/ 1555623 w 3111436"/>
                <a:gd name="connsiteY25" fmla="*/ 145828 h 3111436"/>
                <a:gd name="connsiteX26" fmla="*/ 558641 w 3111436"/>
                <a:gd name="connsiteY26" fmla="*/ 558737 h 3111436"/>
                <a:gd name="connsiteX27" fmla="*/ 145733 w 3111436"/>
                <a:gd name="connsiteY27" fmla="*/ 1555718 h 3111436"/>
                <a:gd name="connsiteX28" fmla="*/ 558641 w 3111436"/>
                <a:gd name="connsiteY28" fmla="*/ 2552700 h 3111436"/>
                <a:gd name="connsiteX29" fmla="*/ 1555623 w 3111436"/>
                <a:gd name="connsiteY29" fmla="*/ 2965609 h 3111436"/>
                <a:gd name="connsiteX30" fmla="*/ 2552605 w 3111436"/>
                <a:gd name="connsiteY30" fmla="*/ 2552700 h 3111436"/>
                <a:gd name="connsiteX31" fmla="*/ 2965514 w 3111436"/>
                <a:gd name="connsiteY31" fmla="*/ 1555718 h 3111436"/>
                <a:gd name="connsiteX32" fmla="*/ 2552605 w 3111436"/>
                <a:gd name="connsiteY32" fmla="*/ 558737 h 31114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3111436" h="3111436">
                  <a:moveTo>
                    <a:pt x="1555718" y="0"/>
                  </a:moveTo>
                  <a:cubicBezTo>
                    <a:pt x="1985296" y="0"/>
                    <a:pt x="2374202" y="174117"/>
                    <a:pt x="2655761" y="455676"/>
                  </a:cubicBezTo>
                  <a:cubicBezTo>
                    <a:pt x="2937320" y="737235"/>
                    <a:pt x="3111437" y="1126141"/>
                    <a:pt x="3111437" y="1555718"/>
                  </a:cubicBezTo>
                  <a:cubicBezTo>
                    <a:pt x="3111437" y="1985296"/>
                    <a:pt x="2937320" y="2374202"/>
                    <a:pt x="2655761" y="2655761"/>
                  </a:cubicBezTo>
                  <a:cubicBezTo>
                    <a:pt x="2374202" y="2937320"/>
                    <a:pt x="1985296" y="3111437"/>
                    <a:pt x="1555718" y="3111437"/>
                  </a:cubicBezTo>
                  <a:cubicBezTo>
                    <a:pt x="1126141" y="3111437"/>
                    <a:pt x="737235" y="2937320"/>
                    <a:pt x="455676" y="2655761"/>
                  </a:cubicBezTo>
                  <a:cubicBezTo>
                    <a:pt x="174117" y="2374202"/>
                    <a:pt x="0" y="1985296"/>
                    <a:pt x="0" y="1555718"/>
                  </a:cubicBezTo>
                  <a:cubicBezTo>
                    <a:pt x="0" y="1126141"/>
                    <a:pt x="174117" y="737235"/>
                    <a:pt x="455676" y="455676"/>
                  </a:cubicBezTo>
                  <a:cubicBezTo>
                    <a:pt x="737235" y="174117"/>
                    <a:pt x="1126141" y="0"/>
                    <a:pt x="1555718" y="0"/>
                  </a:cubicBezTo>
                  <a:close/>
                  <a:moveTo>
                    <a:pt x="1220057" y="1555718"/>
                  </a:moveTo>
                  <a:cubicBezTo>
                    <a:pt x="1220057" y="1596009"/>
                    <a:pt x="1187387" y="1628680"/>
                    <a:pt x="1147096" y="1628680"/>
                  </a:cubicBezTo>
                  <a:cubicBezTo>
                    <a:pt x="1106805" y="1628680"/>
                    <a:pt x="1074134" y="1596009"/>
                    <a:pt x="1074134" y="1555718"/>
                  </a:cubicBezTo>
                  <a:lnTo>
                    <a:pt x="1074134" y="897160"/>
                  </a:lnTo>
                  <a:cubicBezTo>
                    <a:pt x="1074134" y="856964"/>
                    <a:pt x="1106805" y="824294"/>
                    <a:pt x="1147096" y="824294"/>
                  </a:cubicBezTo>
                  <a:cubicBezTo>
                    <a:pt x="1162907" y="824294"/>
                    <a:pt x="1177576" y="829342"/>
                    <a:pt x="1189577" y="837914"/>
                  </a:cubicBezTo>
                  <a:lnTo>
                    <a:pt x="2280571" y="1493330"/>
                  </a:lnTo>
                  <a:cubicBezTo>
                    <a:pt x="2314956" y="1513904"/>
                    <a:pt x="2326196" y="1558576"/>
                    <a:pt x="2305622" y="1592961"/>
                  </a:cubicBezTo>
                  <a:cubicBezTo>
                    <a:pt x="2299049" y="1603915"/>
                    <a:pt x="2290096" y="1612487"/>
                    <a:pt x="2279904" y="1618393"/>
                  </a:cubicBezTo>
                  <a:lnTo>
                    <a:pt x="1184434" y="2276475"/>
                  </a:lnTo>
                  <a:cubicBezTo>
                    <a:pt x="1150049" y="2297049"/>
                    <a:pt x="1105376" y="2285810"/>
                    <a:pt x="1084802" y="2251424"/>
                  </a:cubicBezTo>
                  <a:cubicBezTo>
                    <a:pt x="1064133" y="2216944"/>
                    <a:pt x="1075373" y="2172367"/>
                    <a:pt x="1109853" y="2151698"/>
                  </a:cubicBezTo>
                  <a:lnTo>
                    <a:pt x="2102168" y="1555528"/>
                  </a:lnTo>
                  <a:lnTo>
                    <a:pt x="1220153" y="1025652"/>
                  </a:lnTo>
                  <a:lnTo>
                    <a:pt x="1220153" y="1555528"/>
                  </a:lnTo>
                  <a:close/>
                  <a:moveTo>
                    <a:pt x="2552605" y="558737"/>
                  </a:moveTo>
                  <a:cubicBezTo>
                    <a:pt x="2297525" y="303657"/>
                    <a:pt x="1945005" y="145828"/>
                    <a:pt x="1555623" y="145828"/>
                  </a:cubicBezTo>
                  <a:cubicBezTo>
                    <a:pt x="1166336" y="145828"/>
                    <a:pt x="813816" y="303657"/>
                    <a:pt x="558641" y="558737"/>
                  </a:cubicBezTo>
                  <a:cubicBezTo>
                    <a:pt x="303562" y="813816"/>
                    <a:pt x="145733" y="1166336"/>
                    <a:pt x="145733" y="1555718"/>
                  </a:cubicBezTo>
                  <a:cubicBezTo>
                    <a:pt x="145733" y="1945005"/>
                    <a:pt x="303562" y="2297525"/>
                    <a:pt x="558641" y="2552700"/>
                  </a:cubicBezTo>
                  <a:cubicBezTo>
                    <a:pt x="813721" y="2807779"/>
                    <a:pt x="1166241" y="2965609"/>
                    <a:pt x="1555623" y="2965609"/>
                  </a:cubicBezTo>
                  <a:cubicBezTo>
                    <a:pt x="1944910" y="2965609"/>
                    <a:pt x="2297430" y="2807779"/>
                    <a:pt x="2552605" y="2552700"/>
                  </a:cubicBezTo>
                  <a:cubicBezTo>
                    <a:pt x="2807684" y="2297621"/>
                    <a:pt x="2965514" y="1945100"/>
                    <a:pt x="2965514" y="1555718"/>
                  </a:cubicBezTo>
                  <a:cubicBezTo>
                    <a:pt x="2965514" y="1166432"/>
                    <a:pt x="2807684" y="813911"/>
                    <a:pt x="2552605" y="558737"/>
                  </a:cubicBezTo>
                  <a:close/>
                </a:path>
              </a:pathLst>
            </a:custGeom>
            <a:solidFill>
              <a:srgbClr val="FFFFFF"/>
            </a:solidFill>
            <a:ln w="9525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sp>
        <p:nvSpPr>
          <p:cNvPr id="24" name="Rectangle 23">
            <a:hlinkClick r:id="rId8"/>
            <a:extLst>
              <a:ext uri="{FF2B5EF4-FFF2-40B4-BE49-F238E27FC236}">
                <a16:creationId xmlns:a16="http://schemas.microsoft.com/office/drawing/2014/main" id="{9777091F-7453-1259-D67F-AD1525287D7E}"/>
              </a:ext>
            </a:extLst>
          </p:cNvPr>
          <p:cNvSpPr/>
          <p:nvPr/>
        </p:nvSpPr>
        <p:spPr>
          <a:xfrm>
            <a:off x="7085932" y="3070933"/>
            <a:ext cx="3795993" cy="2562671"/>
          </a:xfrm>
          <a:prstGeom prst="rect">
            <a:avLst/>
          </a:prstGeom>
          <a:solidFill>
            <a:srgbClr val="5B9BD5">
              <a:alpha val="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3" name="TextBox 1">
            <a:extLst>
              <a:ext uri="{FF2B5EF4-FFF2-40B4-BE49-F238E27FC236}">
                <a16:creationId xmlns:a16="http://schemas.microsoft.com/office/drawing/2014/main" id="{3E29B399-5F33-E855-644B-056CD617AA23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 the Play button to play the sample</a:t>
            </a:r>
            <a:endParaRPr lang="en-US" sz="1200" dirty="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543120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57581"/>
            <a:ext cx="10460829" cy="640080"/>
          </a:xfrm>
        </p:spPr>
        <p:txBody>
          <a:bodyPr>
            <a:noAutofit/>
          </a:bodyPr>
          <a:lstStyle/>
          <a:p>
            <a:b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</a:br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Camtasia Sample link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" name="Group 2">
            <a:extLst>
              <a:ext uri="{FF2B5EF4-FFF2-40B4-BE49-F238E27FC236}">
                <a16:creationId xmlns:a16="http://schemas.microsoft.com/office/drawing/2014/main" id="{37E60C02-069D-4049-BF73-583E6C5D947C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56" name="Group 55">
              <a:extLst>
                <a:ext uri="{FF2B5EF4-FFF2-40B4-BE49-F238E27FC236}">
                  <a16:creationId xmlns:a16="http://schemas.microsoft.com/office/drawing/2014/main" id="{A23EAB68-35D3-470C-A83B-F38F1DAB771F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7" name="Rectangle: Top Corners Rounded 56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B7EF88A3-658A-4DAB-8138-421883C6D561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8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32E519DC-E144-4E40-9312-358C31F6BCEB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59" name="Group 58">
              <a:extLst>
                <a:ext uri="{FF2B5EF4-FFF2-40B4-BE49-F238E27FC236}">
                  <a16:creationId xmlns:a16="http://schemas.microsoft.com/office/drawing/2014/main" id="{3B506429-29C4-4B41-9DDA-71B5232080CD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60" name="Rectangle: Top Corners Rounded 5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EF5C904F-44F6-4AD5-BC94-BEF999BE2F7F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61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4F3D2E5B-8C4C-455B-8F04-6C5E554F7076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2" name="Group 1">
              <a:extLst>
                <a:ext uri="{FF2B5EF4-FFF2-40B4-BE49-F238E27FC236}">
                  <a16:creationId xmlns:a16="http://schemas.microsoft.com/office/drawing/2014/main" id="{7AE8D3EB-C630-42F4-AEF5-AFE92480B186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42" name="Group 41">
                <a:extLst>
                  <a:ext uri="{FF2B5EF4-FFF2-40B4-BE49-F238E27FC236}">
                    <a16:creationId xmlns:a16="http://schemas.microsoft.com/office/drawing/2014/main" id="{B87B67E4-0FE4-4E64-80C5-E40D148BC0DA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43" name="Rectangle: Top Corners Rounded 42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0218522C-8E88-40C8-BB08-36039011D05A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44" name="Group 76">
                  <a:extLst>
                    <a:ext uri="{FF2B5EF4-FFF2-40B4-BE49-F238E27FC236}">
                      <a16:creationId xmlns:a16="http://schemas.microsoft.com/office/drawing/2014/main" id="{262D1155-C347-422A-AADD-946833D0C63C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5" name="Freeform 78">
                    <a:extLst>
                      <a:ext uri="{FF2B5EF4-FFF2-40B4-BE49-F238E27FC236}">
                        <a16:creationId xmlns:a16="http://schemas.microsoft.com/office/drawing/2014/main" id="{A51E3CA6-586A-40A5-AFF7-848E05D79EEB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79">
                    <a:extLst>
                      <a:ext uri="{FF2B5EF4-FFF2-40B4-BE49-F238E27FC236}">
                        <a16:creationId xmlns:a16="http://schemas.microsoft.com/office/drawing/2014/main" id="{F4DB7FB9-033B-465F-A04C-44D67B4D413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0">
                    <a:extLst>
                      <a:ext uri="{FF2B5EF4-FFF2-40B4-BE49-F238E27FC236}">
                        <a16:creationId xmlns:a16="http://schemas.microsoft.com/office/drawing/2014/main" id="{8AE3AAC3-69FF-49FA-96D6-BFD84DEB9EC9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Freeform 81">
                    <a:extLst>
                      <a:ext uri="{FF2B5EF4-FFF2-40B4-BE49-F238E27FC236}">
                        <a16:creationId xmlns:a16="http://schemas.microsoft.com/office/drawing/2014/main" id="{7334547B-51B5-4F52-B88E-140C55F597C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Freeform 82">
                    <a:extLst>
                      <a:ext uri="{FF2B5EF4-FFF2-40B4-BE49-F238E27FC236}">
                        <a16:creationId xmlns:a16="http://schemas.microsoft.com/office/drawing/2014/main" id="{DD14E603-E2A9-4B7A-BA86-A648CB016429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Freeform 83">
                    <a:extLst>
                      <a:ext uri="{FF2B5EF4-FFF2-40B4-BE49-F238E27FC236}">
                        <a16:creationId xmlns:a16="http://schemas.microsoft.com/office/drawing/2014/main" id="{411E29FE-F241-4C67-A853-7A3912FF41BA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1" name="Freeform 84">
                    <a:extLst>
                      <a:ext uri="{FF2B5EF4-FFF2-40B4-BE49-F238E27FC236}">
                        <a16:creationId xmlns:a16="http://schemas.microsoft.com/office/drawing/2014/main" id="{509461DF-0668-4CC0-B752-2F9719CB04D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2" name="Rectangle 85">
                    <a:extLst>
                      <a:ext uri="{FF2B5EF4-FFF2-40B4-BE49-F238E27FC236}">
                        <a16:creationId xmlns:a16="http://schemas.microsoft.com/office/drawing/2014/main" id="{D3A0C7C9-BE0C-49BE-A1D5-FAEBDE917971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3" name="Rectangle 86">
                    <a:extLst>
                      <a:ext uri="{FF2B5EF4-FFF2-40B4-BE49-F238E27FC236}">
                        <a16:creationId xmlns:a16="http://schemas.microsoft.com/office/drawing/2014/main" id="{26959EEB-B246-40A7-A6EC-DBD5503B516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4" name="Rectangle 87">
                    <a:extLst>
                      <a:ext uri="{FF2B5EF4-FFF2-40B4-BE49-F238E27FC236}">
                        <a16:creationId xmlns:a16="http://schemas.microsoft.com/office/drawing/2014/main" id="{E307D18F-51DC-4C11-8B2C-38643F5DBD2E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5" name="Rectangle 88">
                    <a:extLst>
                      <a:ext uri="{FF2B5EF4-FFF2-40B4-BE49-F238E27FC236}">
                        <a16:creationId xmlns:a16="http://schemas.microsoft.com/office/drawing/2014/main" id="{18237F28-CB63-4CC6-8F73-6298295F31E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64" name="Rectangle: Top Corners Rounded 63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B05B1177-D978-42B7-98FD-C2B7260613E2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pic>
        <p:nvPicPr>
          <p:cNvPr id="33" name="Picture 32">
            <a:extLst>
              <a:ext uri="{FF2B5EF4-FFF2-40B4-BE49-F238E27FC236}">
                <a16:creationId xmlns:a16="http://schemas.microsoft.com/office/drawing/2014/main" id="{074B9136-4AD5-4EDB-B7D8-F192C7AF3005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r="9735"/>
          <a:stretch/>
        </p:blipFill>
        <p:spPr>
          <a:xfrm>
            <a:off x="5734902" y="1454658"/>
            <a:ext cx="6184854" cy="4565061"/>
          </a:xfrm>
          <a:prstGeom prst="rect">
            <a:avLst/>
          </a:prstGeom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AA129495-FF67-C2B0-BDE5-1A07058AE5A7}"/>
              </a:ext>
            </a:extLst>
          </p:cNvPr>
          <p:cNvGrpSpPr/>
          <p:nvPr/>
        </p:nvGrpSpPr>
        <p:grpSpPr>
          <a:xfrm>
            <a:off x="541608" y="1298928"/>
            <a:ext cx="3124957" cy="1484326"/>
            <a:chOff x="541608" y="1298928"/>
            <a:chExt cx="3124957" cy="1484326"/>
          </a:xfrm>
        </p:grpSpPr>
        <p:sp>
          <p:nvSpPr>
            <p:cNvPr id="13" name="Content Placeholder 17">
              <a:extLst>
                <a:ext uri="{FF2B5EF4-FFF2-40B4-BE49-F238E27FC236}">
                  <a16:creationId xmlns:a16="http://schemas.microsoft.com/office/drawing/2014/main" id="{82CD217B-1DDD-4FF4-8B3E-410D7355E683}"/>
                </a:ext>
              </a:extLst>
            </p:cNvPr>
            <p:cNvSpPr txBox="1">
              <a:spLocks/>
            </p:cNvSpPr>
            <p:nvPr/>
          </p:nvSpPr>
          <p:spPr>
            <a:xfrm>
              <a:off x="541608" y="1829147"/>
              <a:ext cx="3124957" cy="954107"/>
            </a:xfrm>
            <a:prstGeom prst="rect">
              <a:avLst/>
            </a:prstGeom>
          </p:spPr>
          <p:txBody>
            <a:bodyPr vert="horz" wrap="square" lIns="91440" tIns="45720" rIns="91440" bIns="45720" rtlCol="0">
              <a:spAutoFit/>
            </a:bodyPr>
            <a:lstStyle>
              <a:lvl1pPr marL="2286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 smtClean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1pPr>
              <a:lvl2pPr marL="6858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 smtClean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2pPr>
              <a:lvl3pPr marL="11430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 smtClean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3pPr>
              <a:lvl4pPr marL="16002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 smtClean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4pPr>
              <a:lvl5pPr marL="20574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ct val="300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ct val="300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ct val="300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ct val="300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lvl="0" inden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defRPr/>
              </a:pPr>
              <a:r>
                <a:rPr lang="en-US" sz="1400" b="1" dirty="0">
                  <a:latin typeface="Segoe UI" panose="020B0502040204020203" pitchFamily="34" charset="0"/>
                  <a:cs typeface="Segoe UI" panose="020B0502040204020203" pitchFamily="34" charset="0"/>
                </a:rPr>
                <a:t>Tools:</a:t>
              </a:r>
              <a:endParaRPr lang="en-US" sz="1400" dirty="0">
                <a:latin typeface="Segoe UI" panose="020B0502040204020203" pitchFamily="34" charset="0"/>
                <a:cs typeface="Segoe UI" panose="020B0502040204020203" pitchFamily="34" charset="0"/>
              </a:endParaRPr>
            </a:p>
            <a:p>
              <a:pPr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400" dirty="0">
                  <a:latin typeface="Segoe UI" panose="020B0502040204020203" pitchFamily="34" charset="0"/>
                  <a:cs typeface="Segoe UI" panose="020B0502040204020203" pitchFamily="34" charset="0"/>
                </a:rPr>
                <a:t>Camtasia</a:t>
              </a:r>
            </a:p>
            <a:p>
              <a:pPr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400" dirty="0">
                  <a:latin typeface="Segoe UI" panose="020B0502040204020203" pitchFamily="34" charset="0"/>
                  <a:cs typeface="Segoe UI" panose="020B0502040204020203" pitchFamily="34" charset="0"/>
                </a:rPr>
                <a:t>Adobe Photoshop</a:t>
              </a:r>
            </a:p>
            <a:p>
              <a:pPr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400" dirty="0">
                  <a:latin typeface="Segoe UI" panose="020B0502040204020203" pitchFamily="34" charset="0"/>
                  <a:cs typeface="Segoe UI" panose="020B0502040204020203" pitchFamily="34" charset="0"/>
                </a:rPr>
                <a:t>Sound Forge</a:t>
              </a:r>
            </a:p>
          </p:txBody>
        </p:sp>
        <p:sp>
          <p:nvSpPr>
            <p:cNvPr id="34" name="Content Placeholder 17">
              <a:extLst>
                <a:ext uri="{FF2B5EF4-FFF2-40B4-BE49-F238E27FC236}">
                  <a16:creationId xmlns:a16="http://schemas.microsoft.com/office/drawing/2014/main" id="{5B77C364-C0F1-403E-9F09-66D215413BFA}"/>
                </a:ext>
              </a:extLst>
            </p:cNvPr>
            <p:cNvSpPr txBox="1">
              <a:spLocks/>
            </p:cNvSpPr>
            <p:nvPr/>
          </p:nvSpPr>
          <p:spPr>
            <a:xfrm>
              <a:off x="541608" y="1298928"/>
              <a:ext cx="3124957" cy="523220"/>
            </a:xfrm>
            <a:prstGeom prst="rect">
              <a:avLst/>
            </a:prstGeom>
          </p:spPr>
          <p:txBody>
            <a:bodyPr vert="horz" wrap="square" lIns="91440" tIns="45720" rIns="91440" bIns="45720" rtlCol="0">
              <a:spAutoFit/>
            </a:bodyPr>
            <a:lstStyle>
              <a:lvl1pPr marL="2286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 smtClean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1pPr>
              <a:lvl2pPr marL="6858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 smtClean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2pPr>
              <a:lvl3pPr marL="11430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 smtClean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3pPr>
              <a:lvl4pPr marL="16002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 smtClean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4pPr>
              <a:lvl5pPr marL="2057400" indent="-228600" algn="l" defTabSz="914400" rtl="0" eaLnBrk="1" latinLnBrk="0" hangingPunct="1">
                <a:lnSpc>
                  <a:spcPts val="1800"/>
                </a:lnSpc>
                <a:spcBef>
                  <a:spcPts val="1000"/>
                </a:spcBef>
                <a:spcAft>
                  <a:spcPts val="1000"/>
                </a:spcAft>
                <a:buFont typeface="Arial" panose="020B0604020202020204" pitchFamily="34" charset="0"/>
                <a:buChar char="•"/>
                <a:defRPr lang="en-US" sz="1200" kern="120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ct val="300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ct val="300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ct val="300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ct val="300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lvl="0" inden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defRPr/>
              </a:pPr>
              <a:r>
                <a:rPr lang="en-US" sz="1400" dirty="0">
                  <a:latin typeface="Segoe UI" panose="020B0502040204020203" pitchFamily="34" charset="0"/>
                  <a:cs typeface="Segoe UI" panose="020B0502040204020203" pitchFamily="34" charset="0"/>
                </a:rPr>
                <a:t>Video editing in using Camtasia, here are some sample work.</a:t>
              </a:r>
            </a:p>
          </p:txBody>
        </p:sp>
      </p:grpSp>
      <p:pic>
        <p:nvPicPr>
          <p:cNvPr id="5" name="Picture 4">
            <a:extLst>
              <a:ext uri="{FF2B5EF4-FFF2-40B4-BE49-F238E27FC236}">
                <a16:creationId xmlns:a16="http://schemas.microsoft.com/office/drawing/2014/main" id="{62730560-EBD2-06FF-5E82-21262B5AAD19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3584717" y="2565312"/>
            <a:ext cx="3494415" cy="2470541"/>
          </a:xfrm>
          <a:prstGeom prst="rect">
            <a:avLst/>
          </a:prstGeom>
        </p:spPr>
      </p:pic>
      <p:sp>
        <p:nvSpPr>
          <p:cNvPr id="12" name="Rectangle 11">
            <a:extLst>
              <a:ext uri="{FF2B5EF4-FFF2-40B4-BE49-F238E27FC236}">
                <a16:creationId xmlns:a16="http://schemas.microsoft.com/office/drawing/2014/main" id="{5B7E0D10-E8C1-8925-B432-E8B15B555406}"/>
              </a:ext>
            </a:extLst>
          </p:cNvPr>
          <p:cNvSpPr/>
          <p:nvPr/>
        </p:nvSpPr>
        <p:spPr>
          <a:xfrm>
            <a:off x="7343580" y="2088584"/>
            <a:ext cx="3679974" cy="2310931"/>
          </a:xfrm>
          <a:prstGeom prst="rect">
            <a:avLst/>
          </a:prstGeom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C4B68814-4FC5-6F8F-136A-05F3A833F701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7287034" y="2177249"/>
            <a:ext cx="3793067" cy="2133600"/>
          </a:xfrm>
          <a:prstGeom prst="rect">
            <a:avLst/>
          </a:prstGeom>
        </p:spPr>
      </p:pic>
      <p:sp>
        <p:nvSpPr>
          <p:cNvPr id="16" name="Rectangle 15">
            <a:extLst>
              <a:ext uri="{FF2B5EF4-FFF2-40B4-BE49-F238E27FC236}">
                <a16:creationId xmlns:a16="http://schemas.microsoft.com/office/drawing/2014/main" id="{53FB453E-824F-F992-6216-835A04ED0FB0}"/>
              </a:ext>
            </a:extLst>
          </p:cNvPr>
          <p:cNvSpPr/>
          <p:nvPr/>
        </p:nvSpPr>
        <p:spPr>
          <a:xfrm>
            <a:off x="3934609" y="2756719"/>
            <a:ext cx="2822575" cy="1978025"/>
          </a:xfrm>
          <a:prstGeom prst="rect">
            <a:avLst/>
          </a:prstGeom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15" name="Picture 14">
            <a:extLst>
              <a:ext uri="{FF2B5EF4-FFF2-40B4-BE49-F238E27FC236}">
                <a16:creationId xmlns:a16="http://schemas.microsoft.com/office/drawing/2014/main" id="{D81F2BA3-F099-111B-C11F-0BDC2B48D5E2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3933700" y="2951371"/>
            <a:ext cx="2824393" cy="1588721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4BFF653A-0580-AC1C-0E3D-A68D1FC508DF}"/>
              </a:ext>
            </a:extLst>
          </p:cNvPr>
          <p:cNvGrpSpPr/>
          <p:nvPr/>
        </p:nvGrpSpPr>
        <p:grpSpPr>
          <a:xfrm>
            <a:off x="8981623" y="3042105"/>
            <a:ext cx="403888" cy="403888"/>
            <a:chOff x="8663851" y="2766284"/>
            <a:chExt cx="515145" cy="515145"/>
          </a:xfrm>
        </p:grpSpPr>
        <p:sp>
          <p:nvSpPr>
            <p:cNvPr id="9" name="Oval 8">
              <a:extLst>
                <a:ext uri="{FF2B5EF4-FFF2-40B4-BE49-F238E27FC236}">
                  <a16:creationId xmlns:a16="http://schemas.microsoft.com/office/drawing/2014/main" id="{227117A1-9F8E-14D7-029D-A199FE731D58}"/>
                </a:ext>
              </a:extLst>
            </p:cNvPr>
            <p:cNvSpPr/>
            <p:nvPr/>
          </p:nvSpPr>
          <p:spPr>
            <a:xfrm>
              <a:off x="8663851" y="2766284"/>
              <a:ext cx="515145" cy="515145"/>
            </a:xfrm>
            <a:prstGeom prst="ellipse">
              <a:avLst/>
            </a:prstGeom>
            <a:solidFill>
              <a:srgbClr val="C0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10" name="Freeform: Shape 9">
              <a:extLst>
                <a:ext uri="{FF2B5EF4-FFF2-40B4-BE49-F238E27FC236}">
                  <a16:creationId xmlns:a16="http://schemas.microsoft.com/office/drawing/2014/main" id="{0BD7737F-8A46-A6F3-7BBF-F3878C62F0CC}"/>
                </a:ext>
              </a:extLst>
            </p:cNvPr>
            <p:cNvSpPr/>
            <p:nvPr/>
          </p:nvSpPr>
          <p:spPr>
            <a:xfrm>
              <a:off x="8709954" y="2812387"/>
              <a:ext cx="422938" cy="422938"/>
            </a:xfrm>
            <a:custGeom>
              <a:avLst/>
              <a:gdLst>
                <a:gd name="connsiteX0" fmla="*/ 1555718 w 3111436"/>
                <a:gd name="connsiteY0" fmla="*/ 0 h 3111436"/>
                <a:gd name="connsiteX1" fmla="*/ 2655761 w 3111436"/>
                <a:gd name="connsiteY1" fmla="*/ 455676 h 3111436"/>
                <a:gd name="connsiteX2" fmla="*/ 3111437 w 3111436"/>
                <a:gd name="connsiteY2" fmla="*/ 1555718 h 3111436"/>
                <a:gd name="connsiteX3" fmla="*/ 2655761 w 3111436"/>
                <a:gd name="connsiteY3" fmla="*/ 2655761 h 3111436"/>
                <a:gd name="connsiteX4" fmla="*/ 1555718 w 3111436"/>
                <a:gd name="connsiteY4" fmla="*/ 3111437 h 3111436"/>
                <a:gd name="connsiteX5" fmla="*/ 455676 w 3111436"/>
                <a:gd name="connsiteY5" fmla="*/ 2655761 h 3111436"/>
                <a:gd name="connsiteX6" fmla="*/ 0 w 3111436"/>
                <a:gd name="connsiteY6" fmla="*/ 1555718 h 3111436"/>
                <a:gd name="connsiteX7" fmla="*/ 455676 w 3111436"/>
                <a:gd name="connsiteY7" fmla="*/ 455676 h 3111436"/>
                <a:gd name="connsiteX8" fmla="*/ 1555718 w 3111436"/>
                <a:gd name="connsiteY8" fmla="*/ 0 h 3111436"/>
                <a:gd name="connsiteX9" fmla="*/ 1220057 w 3111436"/>
                <a:gd name="connsiteY9" fmla="*/ 1555718 h 3111436"/>
                <a:gd name="connsiteX10" fmla="*/ 1147096 w 3111436"/>
                <a:gd name="connsiteY10" fmla="*/ 1628680 h 3111436"/>
                <a:gd name="connsiteX11" fmla="*/ 1074134 w 3111436"/>
                <a:gd name="connsiteY11" fmla="*/ 1555718 h 3111436"/>
                <a:gd name="connsiteX12" fmla="*/ 1074134 w 3111436"/>
                <a:gd name="connsiteY12" fmla="*/ 897160 h 3111436"/>
                <a:gd name="connsiteX13" fmla="*/ 1147096 w 3111436"/>
                <a:gd name="connsiteY13" fmla="*/ 824294 h 3111436"/>
                <a:gd name="connsiteX14" fmla="*/ 1189577 w 3111436"/>
                <a:gd name="connsiteY14" fmla="*/ 837914 h 3111436"/>
                <a:gd name="connsiteX15" fmla="*/ 2280571 w 3111436"/>
                <a:gd name="connsiteY15" fmla="*/ 1493330 h 3111436"/>
                <a:gd name="connsiteX16" fmla="*/ 2305622 w 3111436"/>
                <a:gd name="connsiteY16" fmla="*/ 1592961 h 3111436"/>
                <a:gd name="connsiteX17" fmla="*/ 2279904 w 3111436"/>
                <a:gd name="connsiteY17" fmla="*/ 1618393 h 3111436"/>
                <a:gd name="connsiteX18" fmla="*/ 1184434 w 3111436"/>
                <a:gd name="connsiteY18" fmla="*/ 2276475 h 3111436"/>
                <a:gd name="connsiteX19" fmla="*/ 1084802 w 3111436"/>
                <a:gd name="connsiteY19" fmla="*/ 2251424 h 3111436"/>
                <a:gd name="connsiteX20" fmla="*/ 1109853 w 3111436"/>
                <a:gd name="connsiteY20" fmla="*/ 2151698 h 3111436"/>
                <a:gd name="connsiteX21" fmla="*/ 2102168 w 3111436"/>
                <a:gd name="connsiteY21" fmla="*/ 1555528 h 3111436"/>
                <a:gd name="connsiteX22" fmla="*/ 1220153 w 3111436"/>
                <a:gd name="connsiteY22" fmla="*/ 1025652 h 3111436"/>
                <a:gd name="connsiteX23" fmla="*/ 1220153 w 3111436"/>
                <a:gd name="connsiteY23" fmla="*/ 1555528 h 3111436"/>
                <a:gd name="connsiteX24" fmla="*/ 2552605 w 3111436"/>
                <a:gd name="connsiteY24" fmla="*/ 558737 h 3111436"/>
                <a:gd name="connsiteX25" fmla="*/ 1555623 w 3111436"/>
                <a:gd name="connsiteY25" fmla="*/ 145828 h 3111436"/>
                <a:gd name="connsiteX26" fmla="*/ 558641 w 3111436"/>
                <a:gd name="connsiteY26" fmla="*/ 558737 h 3111436"/>
                <a:gd name="connsiteX27" fmla="*/ 145733 w 3111436"/>
                <a:gd name="connsiteY27" fmla="*/ 1555718 h 3111436"/>
                <a:gd name="connsiteX28" fmla="*/ 558641 w 3111436"/>
                <a:gd name="connsiteY28" fmla="*/ 2552700 h 3111436"/>
                <a:gd name="connsiteX29" fmla="*/ 1555623 w 3111436"/>
                <a:gd name="connsiteY29" fmla="*/ 2965609 h 3111436"/>
                <a:gd name="connsiteX30" fmla="*/ 2552605 w 3111436"/>
                <a:gd name="connsiteY30" fmla="*/ 2552700 h 3111436"/>
                <a:gd name="connsiteX31" fmla="*/ 2965514 w 3111436"/>
                <a:gd name="connsiteY31" fmla="*/ 1555718 h 3111436"/>
                <a:gd name="connsiteX32" fmla="*/ 2552605 w 3111436"/>
                <a:gd name="connsiteY32" fmla="*/ 558737 h 31114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3111436" h="3111436">
                  <a:moveTo>
                    <a:pt x="1555718" y="0"/>
                  </a:moveTo>
                  <a:cubicBezTo>
                    <a:pt x="1985296" y="0"/>
                    <a:pt x="2374202" y="174117"/>
                    <a:pt x="2655761" y="455676"/>
                  </a:cubicBezTo>
                  <a:cubicBezTo>
                    <a:pt x="2937320" y="737235"/>
                    <a:pt x="3111437" y="1126141"/>
                    <a:pt x="3111437" y="1555718"/>
                  </a:cubicBezTo>
                  <a:cubicBezTo>
                    <a:pt x="3111437" y="1985296"/>
                    <a:pt x="2937320" y="2374202"/>
                    <a:pt x="2655761" y="2655761"/>
                  </a:cubicBezTo>
                  <a:cubicBezTo>
                    <a:pt x="2374202" y="2937320"/>
                    <a:pt x="1985296" y="3111437"/>
                    <a:pt x="1555718" y="3111437"/>
                  </a:cubicBezTo>
                  <a:cubicBezTo>
                    <a:pt x="1126141" y="3111437"/>
                    <a:pt x="737235" y="2937320"/>
                    <a:pt x="455676" y="2655761"/>
                  </a:cubicBezTo>
                  <a:cubicBezTo>
                    <a:pt x="174117" y="2374202"/>
                    <a:pt x="0" y="1985296"/>
                    <a:pt x="0" y="1555718"/>
                  </a:cubicBezTo>
                  <a:cubicBezTo>
                    <a:pt x="0" y="1126141"/>
                    <a:pt x="174117" y="737235"/>
                    <a:pt x="455676" y="455676"/>
                  </a:cubicBezTo>
                  <a:cubicBezTo>
                    <a:pt x="737235" y="174117"/>
                    <a:pt x="1126141" y="0"/>
                    <a:pt x="1555718" y="0"/>
                  </a:cubicBezTo>
                  <a:close/>
                  <a:moveTo>
                    <a:pt x="1220057" y="1555718"/>
                  </a:moveTo>
                  <a:cubicBezTo>
                    <a:pt x="1220057" y="1596009"/>
                    <a:pt x="1187387" y="1628680"/>
                    <a:pt x="1147096" y="1628680"/>
                  </a:cubicBezTo>
                  <a:cubicBezTo>
                    <a:pt x="1106805" y="1628680"/>
                    <a:pt x="1074134" y="1596009"/>
                    <a:pt x="1074134" y="1555718"/>
                  </a:cubicBezTo>
                  <a:lnTo>
                    <a:pt x="1074134" y="897160"/>
                  </a:lnTo>
                  <a:cubicBezTo>
                    <a:pt x="1074134" y="856964"/>
                    <a:pt x="1106805" y="824294"/>
                    <a:pt x="1147096" y="824294"/>
                  </a:cubicBezTo>
                  <a:cubicBezTo>
                    <a:pt x="1162907" y="824294"/>
                    <a:pt x="1177576" y="829342"/>
                    <a:pt x="1189577" y="837914"/>
                  </a:cubicBezTo>
                  <a:lnTo>
                    <a:pt x="2280571" y="1493330"/>
                  </a:lnTo>
                  <a:cubicBezTo>
                    <a:pt x="2314956" y="1513904"/>
                    <a:pt x="2326196" y="1558576"/>
                    <a:pt x="2305622" y="1592961"/>
                  </a:cubicBezTo>
                  <a:cubicBezTo>
                    <a:pt x="2299049" y="1603915"/>
                    <a:pt x="2290096" y="1612487"/>
                    <a:pt x="2279904" y="1618393"/>
                  </a:cubicBezTo>
                  <a:lnTo>
                    <a:pt x="1184434" y="2276475"/>
                  </a:lnTo>
                  <a:cubicBezTo>
                    <a:pt x="1150049" y="2297049"/>
                    <a:pt x="1105376" y="2285810"/>
                    <a:pt x="1084802" y="2251424"/>
                  </a:cubicBezTo>
                  <a:cubicBezTo>
                    <a:pt x="1064133" y="2216944"/>
                    <a:pt x="1075373" y="2172367"/>
                    <a:pt x="1109853" y="2151698"/>
                  </a:cubicBezTo>
                  <a:lnTo>
                    <a:pt x="2102168" y="1555528"/>
                  </a:lnTo>
                  <a:lnTo>
                    <a:pt x="1220153" y="1025652"/>
                  </a:lnTo>
                  <a:lnTo>
                    <a:pt x="1220153" y="1555528"/>
                  </a:lnTo>
                  <a:close/>
                  <a:moveTo>
                    <a:pt x="2552605" y="558737"/>
                  </a:moveTo>
                  <a:cubicBezTo>
                    <a:pt x="2297525" y="303657"/>
                    <a:pt x="1945005" y="145828"/>
                    <a:pt x="1555623" y="145828"/>
                  </a:cubicBezTo>
                  <a:cubicBezTo>
                    <a:pt x="1166336" y="145828"/>
                    <a:pt x="813816" y="303657"/>
                    <a:pt x="558641" y="558737"/>
                  </a:cubicBezTo>
                  <a:cubicBezTo>
                    <a:pt x="303562" y="813816"/>
                    <a:pt x="145733" y="1166336"/>
                    <a:pt x="145733" y="1555718"/>
                  </a:cubicBezTo>
                  <a:cubicBezTo>
                    <a:pt x="145733" y="1945005"/>
                    <a:pt x="303562" y="2297525"/>
                    <a:pt x="558641" y="2552700"/>
                  </a:cubicBezTo>
                  <a:cubicBezTo>
                    <a:pt x="813721" y="2807779"/>
                    <a:pt x="1166241" y="2965609"/>
                    <a:pt x="1555623" y="2965609"/>
                  </a:cubicBezTo>
                  <a:cubicBezTo>
                    <a:pt x="1944910" y="2965609"/>
                    <a:pt x="2297430" y="2807779"/>
                    <a:pt x="2552605" y="2552700"/>
                  </a:cubicBezTo>
                  <a:cubicBezTo>
                    <a:pt x="2807684" y="2297621"/>
                    <a:pt x="2965514" y="1945100"/>
                    <a:pt x="2965514" y="1555718"/>
                  </a:cubicBezTo>
                  <a:cubicBezTo>
                    <a:pt x="2965514" y="1166432"/>
                    <a:pt x="2807684" y="813911"/>
                    <a:pt x="2552605" y="558737"/>
                  </a:cubicBezTo>
                  <a:close/>
                </a:path>
              </a:pathLst>
            </a:custGeom>
            <a:solidFill>
              <a:srgbClr val="FFFFFF"/>
            </a:solidFill>
            <a:ln w="9525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sp>
        <p:nvSpPr>
          <p:cNvPr id="4" name="Rectangle 3">
            <a:hlinkClick r:id="rId10"/>
            <a:extLst>
              <a:ext uri="{FF2B5EF4-FFF2-40B4-BE49-F238E27FC236}">
                <a16:creationId xmlns:a16="http://schemas.microsoft.com/office/drawing/2014/main" id="{2DC00FAB-D895-1648-1DF2-044D1C691BA2}"/>
              </a:ext>
            </a:extLst>
          </p:cNvPr>
          <p:cNvSpPr/>
          <p:nvPr/>
        </p:nvSpPr>
        <p:spPr>
          <a:xfrm>
            <a:off x="7315981" y="2149544"/>
            <a:ext cx="3715559" cy="2293620"/>
          </a:xfrm>
          <a:prstGeom prst="rect">
            <a:avLst/>
          </a:prstGeom>
          <a:solidFill>
            <a:srgbClr val="5B9BD5">
              <a:alpha val="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14" name="TextBox 1">
            <a:extLst>
              <a:ext uri="{FF2B5EF4-FFF2-40B4-BE49-F238E27FC236}">
                <a16:creationId xmlns:a16="http://schemas.microsoft.com/office/drawing/2014/main" id="{3E29B399-5F33-E855-644B-056CD617AA23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 the Play button to play the video sample</a:t>
            </a:r>
            <a:endParaRPr lang="en-US" sz="1200" dirty="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880107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57581"/>
            <a:ext cx="1046082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Video Based Learning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3" name="Content Placeholder 17">
            <a:extLst>
              <a:ext uri="{FF2B5EF4-FFF2-40B4-BE49-F238E27FC236}">
                <a16:creationId xmlns:a16="http://schemas.microsoft.com/office/drawing/2014/main" id="{82CD217B-1DDD-4FF4-8B3E-410D7355E683}"/>
              </a:ext>
            </a:extLst>
          </p:cNvPr>
          <p:cNvSpPr txBox="1">
            <a:spLocks/>
          </p:cNvSpPr>
          <p:nvPr/>
        </p:nvSpPr>
        <p:spPr>
          <a:xfrm>
            <a:off x="541609" y="1829147"/>
            <a:ext cx="2823064" cy="95410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Camtasia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Sound Forge</a:t>
            </a:r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37E60C02-069D-4049-BF73-583E6C5D947C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56" name="Group 55">
              <a:extLst>
                <a:ext uri="{FF2B5EF4-FFF2-40B4-BE49-F238E27FC236}">
                  <a16:creationId xmlns:a16="http://schemas.microsoft.com/office/drawing/2014/main" id="{A23EAB68-35D3-470C-A83B-F38F1DAB771F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7" name="Rectangle: Top Corners Rounded 56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B7EF88A3-658A-4DAB-8138-421883C6D561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8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32E519DC-E144-4E40-9312-358C31F6BCEB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59" name="Group 58">
              <a:extLst>
                <a:ext uri="{FF2B5EF4-FFF2-40B4-BE49-F238E27FC236}">
                  <a16:creationId xmlns:a16="http://schemas.microsoft.com/office/drawing/2014/main" id="{3B506429-29C4-4B41-9DDA-71B5232080CD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60" name="Rectangle: Top Corners Rounded 5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EF5C904F-44F6-4AD5-BC94-BEF999BE2F7F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61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4F3D2E5B-8C4C-455B-8F04-6C5E554F7076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2" name="Group 1">
              <a:extLst>
                <a:ext uri="{FF2B5EF4-FFF2-40B4-BE49-F238E27FC236}">
                  <a16:creationId xmlns:a16="http://schemas.microsoft.com/office/drawing/2014/main" id="{7AE8D3EB-C630-42F4-AEF5-AFE92480B186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42" name="Group 41">
                <a:extLst>
                  <a:ext uri="{FF2B5EF4-FFF2-40B4-BE49-F238E27FC236}">
                    <a16:creationId xmlns:a16="http://schemas.microsoft.com/office/drawing/2014/main" id="{B87B67E4-0FE4-4E64-80C5-E40D148BC0DA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43" name="Rectangle: Top Corners Rounded 42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0218522C-8E88-40C8-BB08-36039011D05A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44" name="Group 76">
                  <a:extLst>
                    <a:ext uri="{FF2B5EF4-FFF2-40B4-BE49-F238E27FC236}">
                      <a16:creationId xmlns:a16="http://schemas.microsoft.com/office/drawing/2014/main" id="{262D1155-C347-422A-AADD-946833D0C63C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5" name="Freeform 78">
                    <a:extLst>
                      <a:ext uri="{FF2B5EF4-FFF2-40B4-BE49-F238E27FC236}">
                        <a16:creationId xmlns:a16="http://schemas.microsoft.com/office/drawing/2014/main" id="{A51E3CA6-586A-40A5-AFF7-848E05D79EEB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79">
                    <a:extLst>
                      <a:ext uri="{FF2B5EF4-FFF2-40B4-BE49-F238E27FC236}">
                        <a16:creationId xmlns:a16="http://schemas.microsoft.com/office/drawing/2014/main" id="{F4DB7FB9-033B-465F-A04C-44D67B4D413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0">
                    <a:extLst>
                      <a:ext uri="{FF2B5EF4-FFF2-40B4-BE49-F238E27FC236}">
                        <a16:creationId xmlns:a16="http://schemas.microsoft.com/office/drawing/2014/main" id="{8AE3AAC3-69FF-49FA-96D6-BFD84DEB9EC9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Freeform 81">
                    <a:extLst>
                      <a:ext uri="{FF2B5EF4-FFF2-40B4-BE49-F238E27FC236}">
                        <a16:creationId xmlns:a16="http://schemas.microsoft.com/office/drawing/2014/main" id="{7334547B-51B5-4F52-B88E-140C55F597C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Freeform 82">
                    <a:extLst>
                      <a:ext uri="{FF2B5EF4-FFF2-40B4-BE49-F238E27FC236}">
                        <a16:creationId xmlns:a16="http://schemas.microsoft.com/office/drawing/2014/main" id="{DD14E603-E2A9-4B7A-BA86-A648CB016429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Freeform 83">
                    <a:extLst>
                      <a:ext uri="{FF2B5EF4-FFF2-40B4-BE49-F238E27FC236}">
                        <a16:creationId xmlns:a16="http://schemas.microsoft.com/office/drawing/2014/main" id="{411E29FE-F241-4C67-A853-7A3912FF41BA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1" name="Freeform 84">
                    <a:extLst>
                      <a:ext uri="{FF2B5EF4-FFF2-40B4-BE49-F238E27FC236}">
                        <a16:creationId xmlns:a16="http://schemas.microsoft.com/office/drawing/2014/main" id="{509461DF-0668-4CC0-B752-2F9719CB04D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2" name="Rectangle 85">
                    <a:extLst>
                      <a:ext uri="{FF2B5EF4-FFF2-40B4-BE49-F238E27FC236}">
                        <a16:creationId xmlns:a16="http://schemas.microsoft.com/office/drawing/2014/main" id="{D3A0C7C9-BE0C-49BE-A1D5-FAEBDE917971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3" name="Rectangle 86">
                    <a:extLst>
                      <a:ext uri="{FF2B5EF4-FFF2-40B4-BE49-F238E27FC236}">
                        <a16:creationId xmlns:a16="http://schemas.microsoft.com/office/drawing/2014/main" id="{26959EEB-B246-40A7-A6EC-DBD5503B516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4" name="Rectangle 87">
                    <a:extLst>
                      <a:ext uri="{FF2B5EF4-FFF2-40B4-BE49-F238E27FC236}">
                        <a16:creationId xmlns:a16="http://schemas.microsoft.com/office/drawing/2014/main" id="{E307D18F-51DC-4C11-8B2C-38643F5DBD2E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5" name="Rectangle 88">
                    <a:extLst>
                      <a:ext uri="{FF2B5EF4-FFF2-40B4-BE49-F238E27FC236}">
                        <a16:creationId xmlns:a16="http://schemas.microsoft.com/office/drawing/2014/main" id="{18237F28-CB63-4CC6-8F73-6298295F31E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64" name="Rectangle: Top Corners Rounded 63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B05B1177-D978-42B7-98FD-C2B7260613E2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34" name="Content Placeholder 17">
            <a:extLst>
              <a:ext uri="{FF2B5EF4-FFF2-40B4-BE49-F238E27FC236}">
                <a16:creationId xmlns:a16="http://schemas.microsoft.com/office/drawing/2014/main" id="{5B77C364-C0F1-403E-9F09-66D215413BFA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494415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Video editing in using Camtasia, here are some sample work.</a:t>
            </a:r>
          </a:p>
        </p:txBody>
      </p:sp>
      <p:sp>
        <p:nvSpPr>
          <p:cNvPr id="11" name="TextBox 1">
            <a:extLst>
              <a:ext uri="{FF2B5EF4-FFF2-40B4-BE49-F238E27FC236}">
                <a16:creationId xmlns:a16="http://schemas.microsoft.com/office/drawing/2014/main" id="{3E29B399-5F33-E855-644B-056CD617AA23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 the Play button to play the video sample</a:t>
            </a:r>
            <a:endParaRPr lang="en-US" sz="1200" dirty="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  <p:pic>
        <p:nvPicPr>
          <p:cNvPr id="22" name="Picture 21">
            <a:extLst>
              <a:ext uri="{FF2B5EF4-FFF2-40B4-BE49-F238E27FC236}">
                <a16:creationId xmlns:a16="http://schemas.microsoft.com/office/drawing/2014/main" id="{32CAA4C4-AF0F-1FD2-72FD-7D66B7DF5CEF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2693412" y="2840087"/>
            <a:ext cx="4637907" cy="3283115"/>
          </a:xfrm>
          <a:prstGeom prst="rect">
            <a:avLst/>
          </a:prstGeom>
        </p:spPr>
      </p:pic>
      <p:sp>
        <p:nvSpPr>
          <p:cNvPr id="23" name="Rectangle 22">
            <a:extLst>
              <a:ext uri="{FF2B5EF4-FFF2-40B4-BE49-F238E27FC236}">
                <a16:creationId xmlns:a16="http://schemas.microsoft.com/office/drawing/2014/main" id="{2602EAFF-E19A-34D5-648C-1C399D8D8E39}"/>
              </a:ext>
            </a:extLst>
          </p:cNvPr>
          <p:cNvSpPr/>
          <p:nvPr/>
        </p:nvSpPr>
        <p:spPr>
          <a:xfrm>
            <a:off x="3145459" y="3064389"/>
            <a:ext cx="3751155" cy="2619592"/>
          </a:xfrm>
          <a:prstGeom prst="rect">
            <a:avLst/>
          </a:prstGeom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12" name="Picture 11" descr="A collage of people with their arms crossed&#10;&#10;Description automatically generated">
            <a:extLst>
              <a:ext uri="{FF2B5EF4-FFF2-40B4-BE49-F238E27FC236}">
                <a16:creationId xmlns:a16="http://schemas.microsoft.com/office/drawing/2014/main" id="{F38802D3-C82F-687F-D36C-3922E1F7CEBD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177766" y="3413728"/>
            <a:ext cx="3696842" cy="2072623"/>
          </a:xfrm>
          <a:prstGeom prst="rect">
            <a:avLst/>
          </a:prstGeom>
        </p:spPr>
      </p:pic>
      <p:grpSp>
        <p:nvGrpSpPr>
          <p:cNvPr id="40" name="Group 39">
            <a:extLst>
              <a:ext uri="{FF2B5EF4-FFF2-40B4-BE49-F238E27FC236}">
                <a16:creationId xmlns:a16="http://schemas.microsoft.com/office/drawing/2014/main" id="{356AD234-FE60-7F2E-34C3-C9C5C3E94F12}"/>
              </a:ext>
            </a:extLst>
          </p:cNvPr>
          <p:cNvGrpSpPr/>
          <p:nvPr/>
        </p:nvGrpSpPr>
        <p:grpSpPr>
          <a:xfrm>
            <a:off x="4744245" y="4076347"/>
            <a:ext cx="490152" cy="490152"/>
            <a:chOff x="8663851" y="2766284"/>
            <a:chExt cx="515145" cy="515145"/>
          </a:xfrm>
        </p:grpSpPr>
        <p:sp>
          <p:nvSpPr>
            <p:cNvPr id="41" name="Oval 40">
              <a:extLst>
                <a:ext uri="{FF2B5EF4-FFF2-40B4-BE49-F238E27FC236}">
                  <a16:creationId xmlns:a16="http://schemas.microsoft.com/office/drawing/2014/main" id="{4104A4C9-D235-1888-24B5-063B1A68896F}"/>
                </a:ext>
              </a:extLst>
            </p:cNvPr>
            <p:cNvSpPr/>
            <p:nvPr/>
          </p:nvSpPr>
          <p:spPr>
            <a:xfrm>
              <a:off x="8663851" y="2766284"/>
              <a:ext cx="515145" cy="515145"/>
            </a:xfrm>
            <a:prstGeom prst="ellipse">
              <a:avLst/>
            </a:prstGeom>
            <a:solidFill>
              <a:srgbClr val="C0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62" name="Freeform: Shape 61">
              <a:extLst>
                <a:ext uri="{FF2B5EF4-FFF2-40B4-BE49-F238E27FC236}">
                  <a16:creationId xmlns:a16="http://schemas.microsoft.com/office/drawing/2014/main" id="{AC2D9C0F-42F5-84A3-B758-8058637D663C}"/>
                </a:ext>
              </a:extLst>
            </p:cNvPr>
            <p:cNvSpPr/>
            <p:nvPr/>
          </p:nvSpPr>
          <p:spPr>
            <a:xfrm>
              <a:off x="8709954" y="2812387"/>
              <a:ext cx="422938" cy="422938"/>
            </a:xfrm>
            <a:custGeom>
              <a:avLst/>
              <a:gdLst>
                <a:gd name="connsiteX0" fmla="*/ 1555718 w 3111436"/>
                <a:gd name="connsiteY0" fmla="*/ 0 h 3111436"/>
                <a:gd name="connsiteX1" fmla="*/ 2655761 w 3111436"/>
                <a:gd name="connsiteY1" fmla="*/ 455676 h 3111436"/>
                <a:gd name="connsiteX2" fmla="*/ 3111437 w 3111436"/>
                <a:gd name="connsiteY2" fmla="*/ 1555718 h 3111436"/>
                <a:gd name="connsiteX3" fmla="*/ 2655761 w 3111436"/>
                <a:gd name="connsiteY3" fmla="*/ 2655761 h 3111436"/>
                <a:gd name="connsiteX4" fmla="*/ 1555718 w 3111436"/>
                <a:gd name="connsiteY4" fmla="*/ 3111437 h 3111436"/>
                <a:gd name="connsiteX5" fmla="*/ 455676 w 3111436"/>
                <a:gd name="connsiteY5" fmla="*/ 2655761 h 3111436"/>
                <a:gd name="connsiteX6" fmla="*/ 0 w 3111436"/>
                <a:gd name="connsiteY6" fmla="*/ 1555718 h 3111436"/>
                <a:gd name="connsiteX7" fmla="*/ 455676 w 3111436"/>
                <a:gd name="connsiteY7" fmla="*/ 455676 h 3111436"/>
                <a:gd name="connsiteX8" fmla="*/ 1555718 w 3111436"/>
                <a:gd name="connsiteY8" fmla="*/ 0 h 3111436"/>
                <a:gd name="connsiteX9" fmla="*/ 1220057 w 3111436"/>
                <a:gd name="connsiteY9" fmla="*/ 1555718 h 3111436"/>
                <a:gd name="connsiteX10" fmla="*/ 1147096 w 3111436"/>
                <a:gd name="connsiteY10" fmla="*/ 1628680 h 3111436"/>
                <a:gd name="connsiteX11" fmla="*/ 1074134 w 3111436"/>
                <a:gd name="connsiteY11" fmla="*/ 1555718 h 3111436"/>
                <a:gd name="connsiteX12" fmla="*/ 1074134 w 3111436"/>
                <a:gd name="connsiteY12" fmla="*/ 897160 h 3111436"/>
                <a:gd name="connsiteX13" fmla="*/ 1147096 w 3111436"/>
                <a:gd name="connsiteY13" fmla="*/ 824294 h 3111436"/>
                <a:gd name="connsiteX14" fmla="*/ 1189577 w 3111436"/>
                <a:gd name="connsiteY14" fmla="*/ 837914 h 3111436"/>
                <a:gd name="connsiteX15" fmla="*/ 2280571 w 3111436"/>
                <a:gd name="connsiteY15" fmla="*/ 1493330 h 3111436"/>
                <a:gd name="connsiteX16" fmla="*/ 2305622 w 3111436"/>
                <a:gd name="connsiteY16" fmla="*/ 1592961 h 3111436"/>
                <a:gd name="connsiteX17" fmla="*/ 2279904 w 3111436"/>
                <a:gd name="connsiteY17" fmla="*/ 1618393 h 3111436"/>
                <a:gd name="connsiteX18" fmla="*/ 1184434 w 3111436"/>
                <a:gd name="connsiteY18" fmla="*/ 2276475 h 3111436"/>
                <a:gd name="connsiteX19" fmla="*/ 1084802 w 3111436"/>
                <a:gd name="connsiteY19" fmla="*/ 2251424 h 3111436"/>
                <a:gd name="connsiteX20" fmla="*/ 1109853 w 3111436"/>
                <a:gd name="connsiteY20" fmla="*/ 2151698 h 3111436"/>
                <a:gd name="connsiteX21" fmla="*/ 2102168 w 3111436"/>
                <a:gd name="connsiteY21" fmla="*/ 1555528 h 3111436"/>
                <a:gd name="connsiteX22" fmla="*/ 1220153 w 3111436"/>
                <a:gd name="connsiteY22" fmla="*/ 1025652 h 3111436"/>
                <a:gd name="connsiteX23" fmla="*/ 1220153 w 3111436"/>
                <a:gd name="connsiteY23" fmla="*/ 1555528 h 3111436"/>
                <a:gd name="connsiteX24" fmla="*/ 2552605 w 3111436"/>
                <a:gd name="connsiteY24" fmla="*/ 558737 h 3111436"/>
                <a:gd name="connsiteX25" fmla="*/ 1555623 w 3111436"/>
                <a:gd name="connsiteY25" fmla="*/ 145828 h 3111436"/>
                <a:gd name="connsiteX26" fmla="*/ 558641 w 3111436"/>
                <a:gd name="connsiteY26" fmla="*/ 558737 h 3111436"/>
                <a:gd name="connsiteX27" fmla="*/ 145733 w 3111436"/>
                <a:gd name="connsiteY27" fmla="*/ 1555718 h 3111436"/>
                <a:gd name="connsiteX28" fmla="*/ 558641 w 3111436"/>
                <a:gd name="connsiteY28" fmla="*/ 2552700 h 3111436"/>
                <a:gd name="connsiteX29" fmla="*/ 1555623 w 3111436"/>
                <a:gd name="connsiteY29" fmla="*/ 2965609 h 3111436"/>
                <a:gd name="connsiteX30" fmla="*/ 2552605 w 3111436"/>
                <a:gd name="connsiteY30" fmla="*/ 2552700 h 3111436"/>
                <a:gd name="connsiteX31" fmla="*/ 2965514 w 3111436"/>
                <a:gd name="connsiteY31" fmla="*/ 1555718 h 3111436"/>
                <a:gd name="connsiteX32" fmla="*/ 2552605 w 3111436"/>
                <a:gd name="connsiteY32" fmla="*/ 558737 h 31114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3111436" h="3111436">
                  <a:moveTo>
                    <a:pt x="1555718" y="0"/>
                  </a:moveTo>
                  <a:cubicBezTo>
                    <a:pt x="1985296" y="0"/>
                    <a:pt x="2374202" y="174117"/>
                    <a:pt x="2655761" y="455676"/>
                  </a:cubicBezTo>
                  <a:cubicBezTo>
                    <a:pt x="2937320" y="737235"/>
                    <a:pt x="3111437" y="1126141"/>
                    <a:pt x="3111437" y="1555718"/>
                  </a:cubicBezTo>
                  <a:cubicBezTo>
                    <a:pt x="3111437" y="1985296"/>
                    <a:pt x="2937320" y="2374202"/>
                    <a:pt x="2655761" y="2655761"/>
                  </a:cubicBezTo>
                  <a:cubicBezTo>
                    <a:pt x="2374202" y="2937320"/>
                    <a:pt x="1985296" y="3111437"/>
                    <a:pt x="1555718" y="3111437"/>
                  </a:cubicBezTo>
                  <a:cubicBezTo>
                    <a:pt x="1126141" y="3111437"/>
                    <a:pt x="737235" y="2937320"/>
                    <a:pt x="455676" y="2655761"/>
                  </a:cubicBezTo>
                  <a:cubicBezTo>
                    <a:pt x="174117" y="2374202"/>
                    <a:pt x="0" y="1985296"/>
                    <a:pt x="0" y="1555718"/>
                  </a:cubicBezTo>
                  <a:cubicBezTo>
                    <a:pt x="0" y="1126141"/>
                    <a:pt x="174117" y="737235"/>
                    <a:pt x="455676" y="455676"/>
                  </a:cubicBezTo>
                  <a:cubicBezTo>
                    <a:pt x="737235" y="174117"/>
                    <a:pt x="1126141" y="0"/>
                    <a:pt x="1555718" y="0"/>
                  </a:cubicBezTo>
                  <a:close/>
                  <a:moveTo>
                    <a:pt x="1220057" y="1555718"/>
                  </a:moveTo>
                  <a:cubicBezTo>
                    <a:pt x="1220057" y="1596009"/>
                    <a:pt x="1187387" y="1628680"/>
                    <a:pt x="1147096" y="1628680"/>
                  </a:cubicBezTo>
                  <a:cubicBezTo>
                    <a:pt x="1106805" y="1628680"/>
                    <a:pt x="1074134" y="1596009"/>
                    <a:pt x="1074134" y="1555718"/>
                  </a:cubicBezTo>
                  <a:lnTo>
                    <a:pt x="1074134" y="897160"/>
                  </a:lnTo>
                  <a:cubicBezTo>
                    <a:pt x="1074134" y="856964"/>
                    <a:pt x="1106805" y="824294"/>
                    <a:pt x="1147096" y="824294"/>
                  </a:cubicBezTo>
                  <a:cubicBezTo>
                    <a:pt x="1162907" y="824294"/>
                    <a:pt x="1177576" y="829342"/>
                    <a:pt x="1189577" y="837914"/>
                  </a:cubicBezTo>
                  <a:lnTo>
                    <a:pt x="2280571" y="1493330"/>
                  </a:lnTo>
                  <a:cubicBezTo>
                    <a:pt x="2314956" y="1513904"/>
                    <a:pt x="2326196" y="1558576"/>
                    <a:pt x="2305622" y="1592961"/>
                  </a:cubicBezTo>
                  <a:cubicBezTo>
                    <a:pt x="2299049" y="1603915"/>
                    <a:pt x="2290096" y="1612487"/>
                    <a:pt x="2279904" y="1618393"/>
                  </a:cubicBezTo>
                  <a:lnTo>
                    <a:pt x="1184434" y="2276475"/>
                  </a:lnTo>
                  <a:cubicBezTo>
                    <a:pt x="1150049" y="2297049"/>
                    <a:pt x="1105376" y="2285810"/>
                    <a:pt x="1084802" y="2251424"/>
                  </a:cubicBezTo>
                  <a:cubicBezTo>
                    <a:pt x="1064133" y="2216944"/>
                    <a:pt x="1075373" y="2172367"/>
                    <a:pt x="1109853" y="2151698"/>
                  </a:cubicBezTo>
                  <a:lnTo>
                    <a:pt x="2102168" y="1555528"/>
                  </a:lnTo>
                  <a:lnTo>
                    <a:pt x="1220153" y="1025652"/>
                  </a:lnTo>
                  <a:lnTo>
                    <a:pt x="1220153" y="1555528"/>
                  </a:lnTo>
                  <a:close/>
                  <a:moveTo>
                    <a:pt x="2552605" y="558737"/>
                  </a:moveTo>
                  <a:cubicBezTo>
                    <a:pt x="2297525" y="303657"/>
                    <a:pt x="1945005" y="145828"/>
                    <a:pt x="1555623" y="145828"/>
                  </a:cubicBezTo>
                  <a:cubicBezTo>
                    <a:pt x="1166336" y="145828"/>
                    <a:pt x="813816" y="303657"/>
                    <a:pt x="558641" y="558737"/>
                  </a:cubicBezTo>
                  <a:cubicBezTo>
                    <a:pt x="303562" y="813816"/>
                    <a:pt x="145733" y="1166336"/>
                    <a:pt x="145733" y="1555718"/>
                  </a:cubicBezTo>
                  <a:cubicBezTo>
                    <a:pt x="145733" y="1945005"/>
                    <a:pt x="303562" y="2297525"/>
                    <a:pt x="558641" y="2552700"/>
                  </a:cubicBezTo>
                  <a:cubicBezTo>
                    <a:pt x="813721" y="2807779"/>
                    <a:pt x="1166241" y="2965609"/>
                    <a:pt x="1555623" y="2965609"/>
                  </a:cubicBezTo>
                  <a:cubicBezTo>
                    <a:pt x="1944910" y="2965609"/>
                    <a:pt x="2297430" y="2807779"/>
                    <a:pt x="2552605" y="2552700"/>
                  </a:cubicBezTo>
                  <a:cubicBezTo>
                    <a:pt x="2807684" y="2297621"/>
                    <a:pt x="2965514" y="1945100"/>
                    <a:pt x="2965514" y="1555718"/>
                  </a:cubicBezTo>
                  <a:cubicBezTo>
                    <a:pt x="2965514" y="1166432"/>
                    <a:pt x="2807684" y="813911"/>
                    <a:pt x="2552605" y="558737"/>
                  </a:cubicBezTo>
                  <a:close/>
                </a:path>
              </a:pathLst>
            </a:custGeom>
            <a:solidFill>
              <a:srgbClr val="FFFFFF"/>
            </a:solidFill>
            <a:ln w="9525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pic>
        <p:nvPicPr>
          <p:cNvPr id="26" name="Picture 25">
            <a:extLst>
              <a:ext uri="{FF2B5EF4-FFF2-40B4-BE49-F238E27FC236}">
                <a16:creationId xmlns:a16="http://schemas.microsoft.com/office/drawing/2014/main" id="{8E420694-DB26-7980-B4EC-67097CBE0ED3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7063163" y="2874871"/>
            <a:ext cx="4637907" cy="3283115"/>
          </a:xfrm>
          <a:prstGeom prst="rect">
            <a:avLst/>
          </a:prstGeom>
        </p:spPr>
      </p:pic>
      <p:sp>
        <p:nvSpPr>
          <p:cNvPr id="27" name="Rectangle 26">
            <a:extLst>
              <a:ext uri="{FF2B5EF4-FFF2-40B4-BE49-F238E27FC236}">
                <a16:creationId xmlns:a16="http://schemas.microsoft.com/office/drawing/2014/main" id="{098CE3D4-075F-FAAF-042C-CB82A97B9D7C}"/>
              </a:ext>
            </a:extLst>
          </p:cNvPr>
          <p:cNvSpPr/>
          <p:nvPr/>
        </p:nvSpPr>
        <p:spPr>
          <a:xfrm>
            <a:off x="7533886" y="3136198"/>
            <a:ext cx="3751155" cy="2619592"/>
          </a:xfrm>
          <a:prstGeom prst="rect">
            <a:avLst/>
          </a:prstGeom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5" name="Picture 4" descr="A diagram of a company logo&#10;&#10;Description automatically generated">
            <a:extLst>
              <a:ext uri="{FF2B5EF4-FFF2-40B4-BE49-F238E27FC236}">
                <a16:creationId xmlns:a16="http://schemas.microsoft.com/office/drawing/2014/main" id="{03A4230F-3351-2DC0-00E0-0973E4E6CCC7}"/>
              </a:ext>
            </a:extLst>
          </p:cNvPr>
          <p:cNvPicPr>
            <a:picLocks noChangeAspect="1"/>
          </p:cNvPicPr>
          <p:nvPr/>
        </p:nvPicPr>
        <p:blipFill rotWithShape="1">
          <a:blip r:embed="rId8"/>
          <a:srcRect l="7824" t="-866" r="8068" b="1299"/>
          <a:stretch/>
        </p:blipFill>
        <p:spPr>
          <a:xfrm>
            <a:off x="7549554" y="3173069"/>
            <a:ext cx="3709523" cy="2472595"/>
          </a:xfrm>
          <a:prstGeom prst="rect">
            <a:avLst/>
          </a:prstGeom>
        </p:spPr>
      </p:pic>
      <p:grpSp>
        <p:nvGrpSpPr>
          <p:cNvPr id="63" name="Group 62">
            <a:extLst>
              <a:ext uri="{FF2B5EF4-FFF2-40B4-BE49-F238E27FC236}">
                <a16:creationId xmlns:a16="http://schemas.microsoft.com/office/drawing/2014/main" id="{D80F8B8A-82C2-2516-AF8F-B03FA987E5E6}"/>
              </a:ext>
            </a:extLst>
          </p:cNvPr>
          <p:cNvGrpSpPr/>
          <p:nvPr/>
        </p:nvGrpSpPr>
        <p:grpSpPr>
          <a:xfrm>
            <a:off x="9135574" y="4323427"/>
            <a:ext cx="560973" cy="542954"/>
            <a:chOff x="8663851" y="2766284"/>
            <a:chExt cx="515145" cy="515145"/>
          </a:xfrm>
        </p:grpSpPr>
        <p:sp>
          <p:nvSpPr>
            <p:cNvPr id="65" name="Oval 64">
              <a:extLst>
                <a:ext uri="{FF2B5EF4-FFF2-40B4-BE49-F238E27FC236}">
                  <a16:creationId xmlns:a16="http://schemas.microsoft.com/office/drawing/2014/main" id="{135A9026-DA22-A025-BC22-1CE9A6FDC1E7}"/>
                </a:ext>
              </a:extLst>
            </p:cNvPr>
            <p:cNvSpPr/>
            <p:nvPr/>
          </p:nvSpPr>
          <p:spPr>
            <a:xfrm>
              <a:off x="8663851" y="2766284"/>
              <a:ext cx="515145" cy="515145"/>
            </a:xfrm>
            <a:prstGeom prst="ellipse">
              <a:avLst/>
            </a:prstGeom>
            <a:solidFill>
              <a:srgbClr val="C0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66" name="Freeform: Shape 65">
              <a:extLst>
                <a:ext uri="{FF2B5EF4-FFF2-40B4-BE49-F238E27FC236}">
                  <a16:creationId xmlns:a16="http://schemas.microsoft.com/office/drawing/2014/main" id="{588E159B-367A-DCE6-1C36-E0917D45D538}"/>
                </a:ext>
              </a:extLst>
            </p:cNvPr>
            <p:cNvSpPr/>
            <p:nvPr/>
          </p:nvSpPr>
          <p:spPr>
            <a:xfrm>
              <a:off x="8709954" y="2812387"/>
              <a:ext cx="422938" cy="422938"/>
            </a:xfrm>
            <a:custGeom>
              <a:avLst/>
              <a:gdLst>
                <a:gd name="connsiteX0" fmla="*/ 1555718 w 3111436"/>
                <a:gd name="connsiteY0" fmla="*/ 0 h 3111436"/>
                <a:gd name="connsiteX1" fmla="*/ 2655761 w 3111436"/>
                <a:gd name="connsiteY1" fmla="*/ 455676 h 3111436"/>
                <a:gd name="connsiteX2" fmla="*/ 3111437 w 3111436"/>
                <a:gd name="connsiteY2" fmla="*/ 1555718 h 3111436"/>
                <a:gd name="connsiteX3" fmla="*/ 2655761 w 3111436"/>
                <a:gd name="connsiteY3" fmla="*/ 2655761 h 3111436"/>
                <a:gd name="connsiteX4" fmla="*/ 1555718 w 3111436"/>
                <a:gd name="connsiteY4" fmla="*/ 3111437 h 3111436"/>
                <a:gd name="connsiteX5" fmla="*/ 455676 w 3111436"/>
                <a:gd name="connsiteY5" fmla="*/ 2655761 h 3111436"/>
                <a:gd name="connsiteX6" fmla="*/ 0 w 3111436"/>
                <a:gd name="connsiteY6" fmla="*/ 1555718 h 3111436"/>
                <a:gd name="connsiteX7" fmla="*/ 455676 w 3111436"/>
                <a:gd name="connsiteY7" fmla="*/ 455676 h 3111436"/>
                <a:gd name="connsiteX8" fmla="*/ 1555718 w 3111436"/>
                <a:gd name="connsiteY8" fmla="*/ 0 h 3111436"/>
                <a:gd name="connsiteX9" fmla="*/ 1220057 w 3111436"/>
                <a:gd name="connsiteY9" fmla="*/ 1555718 h 3111436"/>
                <a:gd name="connsiteX10" fmla="*/ 1147096 w 3111436"/>
                <a:gd name="connsiteY10" fmla="*/ 1628680 h 3111436"/>
                <a:gd name="connsiteX11" fmla="*/ 1074134 w 3111436"/>
                <a:gd name="connsiteY11" fmla="*/ 1555718 h 3111436"/>
                <a:gd name="connsiteX12" fmla="*/ 1074134 w 3111436"/>
                <a:gd name="connsiteY12" fmla="*/ 897160 h 3111436"/>
                <a:gd name="connsiteX13" fmla="*/ 1147096 w 3111436"/>
                <a:gd name="connsiteY13" fmla="*/ 824294 h 3111436"/>
                <a:gd name="connsiteX14" fmla="*/ 1189577 w 3111436"/>
                <a:gd name="connsiteY14" fmla="*/ 837914 h 3111436"/>
                <a:gd name="connsiteX15" fmla="*/ 2280571 w 3111436"/>
                <a:gd name="connsiteY15" fmla="*/ 1493330 h 3111436"/>
                <a:gd name="connsiteX16" fmla="*/ 2305622 w 3111436"/>
                <a:gd name="connsiteY16" fmla="*/ 1592961 h 3111436"/>
                <a:gd name="connsiteX17" fmla="*/ 2279904 w 3111436"/>
                <a:gd name="connsiteY17" fmla="*/ 1618393 h 3111436"/>
                <a:gd name="connsiteX18" fmla="*/ 1184434 w 3111436"/>
                <a:gd name="connsiteY18" fmla="*/ 2276475 h 3111436"/>
                <a:gd name="connsiteX19" fmla="*/ 1084802 w 3111436"/>
                <a:gd name="connsiteY19" fmla="*/ 2251424 h 3111436"/>
                <a:gd name="connsiteX20" fmla="*/ 1109853 w 3111436"/>
                <a:gd name="connsiteY20" fmla="*/ 2151698 h 3111436"/>
                <a:gd name="connsiteX21" fmla="*/ 2102168 w 3111436"/>
                <a:gd name="connsiteY21" fmla="*/ 1555528 h 3111436"/>
                <a:gd name="connsiteX22" fmla="*/ 1220153 w 3111436"/>
                <a:gd name="connsiteY22" fmla="*/ 1025652 h 3111436"/>
                <a:gd name="connsiteX23" fmla="*/ 1220153 w 3111436"/>
                <a:gd name="connsiteY23" fmla="*/ 1555528 h 3111436"/>
                <a:gd name="connsiteX24" fmla="*/ 2552605 w 3111436"/>
                <a:gd name="connsiteY24" fmla="*/ 558737 h 3111436"/>
                <a:gd name="connsiteX25" fmla="*/ 1555623 w 3111436"/>
                <a:gd name="connsiteY25" fmla="*/ 145828 h 3111436"/>
                <a:gd name="connsiteX26" fmla="*/ 558641 w 3111436"/>
                <a:gd name="connsiteY26" fmla="*/ 558737 h 3111436"/>
                <a:gd name="connsiteX27" fmla="*/ 145733 w 3111436"/>
                <a:gd name="connsiteY27" fmla="*/ 1555718 h 3111436"/>
                <a:gd name="connsiteX28" fmla="*/ 558641 w 3111436"/>
                <a:gd name="connsiteY28" fmla="*/ 2552700 h 3111436"/>
                <a:gd name="connsiteX29" fmla="*/ 1555623 w 3111436"/>
                <a:gd name="connsiteY29" fmla="*/ 2965609 h 3111436"/>
                <a:gd name="connsiteX30" fmla="*/ 2552605 w 3111436"/>
                <a:gd name="connsiteY30" fmla="*/ 2552700 h 3111436"/>
                <a:gd name="connsiteX31" fmla="*/ 2965514 w 3111436"/>
                <a:gd name="connsiteY31" fmla="*/ 1555718 h 3111436"/>
                <a:gd name="connsiteX32" fmla="*/ 2552605 w 3111436"/>
                <a:gd name="connsiteY32" fmla="*/ 558737 h 31114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3111436" h="3111436">
                  <a:moveTo>
                    <a:pt x="1555718" y="0"/>
                  </a:moveTo>
                  <a:cubicBezTo>
                    <a:pt x="1985296" y="0"/>
                    <a:pt x="2374202" y="174117"/>
                    <a:pt x="2655761" y="455676"/>
                  </a:cubicBezTo>
                  <a:cubicBezTo>
                    <a:pt x="2937320" y="737235"/>
                    <a:pt x="3111437" y="1126141"/>
                    <a:pt x="3111437" y="1555718"/>
                  </a:cubicBezTo>
                  <a:cubicBezTo>
                    <a:pt x="3111437" y="1985296"/>
                    <a:pt x="2937320" y="2374202"/>
                    <a:pt x="2655761" y="2655761"/>
                  </a:cubicBezTo>
                  <a:cubicBezTo>
                    <a:pt x="2374202" y="2937320"/>
                    <a:pt x="1985296" y="3111437"/>
                    <a:pt x="1555718" y="3111437"/>
                  </a:cubicBezTo>
                  <a:cubicBezTo>
                    <a:pt x="1126141" y="3111437"/>
                    <a:pt x="737235" y="2937320"/>
                    <a:pt x="455676" y="2655761"/>
                  </a:cubicBezTo>
                  <a:cubicBezTo>
                    <a:pt x="174117" y="2374202"/>
                    <a:pt x="0" y="1985296"/>
                    <a:pt x="0" y="1555718"/>
                  </a:cubicBezTo>
                  <a:cubicBezTo>
                    <a:pt x="0" y="1126141"/>
                    <a:pt x="174117" y="737235"/>
                    <a:pt x="455676" y="455676"/>
                  </a:cubicBezTo>
                  <a:cubicBezTo>
                    <a:pt x="737235" y="174117"/>
                    <a:pt x="1126141" y="0"/>
                    <a:pt x="1555718" y="0"/>
                  </a:cubicBezTo>
                  <a:close/>
                  <a:moveTo>
                    <a:pt x="1220057" y="1555718"/>
                  </a:moveTo>
                  <a:cubicBezTo>
                    <a:pt x="1220057" y="1596009"/>
                    <a:pt x="1187387" y="1628680"/>
                    <a:pt x="1147096" y="1628680"/>
                  </a:cubicBezTo>
                  <a:cubicBezTo>
                    <a:pt x="1106805" y="1628680"/>
                    <a:pt x="1074134" y="1596009"/>
                    <a:pt x="1074134" y="1555718"/>
                  </a:cubicBezTo>
                  <a:lnTo>
                    <a:pt x="1074134" y="897160"/>
                  </a:lnTo>
                  <a:cubicBezTo>
                    <a:pt x="1074134" y="856964"/>
                    <a:pt x="1106805" y="824294"/>
                    <a:pt x="1147096" y="824294"/>
                  </a:cubicBezTo>
                  <a:cubicBezTo>
                    <a:pt x="1162907" y="824294"/>
                    <a:pt x="1177576" y="829342"/>
                    <a:pt x="1189577" y="837914"/>
                  </a:cubicBezTo>
                  <a:lnTo>
                    <a:pt x="2280571" y="1493330"/>
                  </a:lnTo>
                  <a:cubicBezTo>
                    <a:pt x="2314956" y="1513904"/>
                    <a:pt x="2326196" y="1558576"/>
                    <a:pt x="2305622" y="1592961"/>
                  </a:cubicBezTo>
                  <a:cubicBezTo>
                    <a:pt x="2299049" y="1603915"/>
                    <a:pt x="2290096" y="1612487"/>
                    <a:pt x="2279904" y="1618393"/>
                  </a:cubicBezTo>
                  <a:lnTo>
                    <a:pt x="1184434" y="2276475"/>
                  </a:lnTo>
                  <a:cubicBezTo>
                    <a:pt x="1150049" y="2297049"/>
                    <a:pt x="1105376" y="2285810"/>
                    <a:pt x="1084802" y="2251424"/>
                  </a:cubicBezTo>
                  <a:cubicBezTo>
                    <a:pt x="1064133" y="2216944"/>
                    <a:pt x="1075373" y="2172367"/>
                    <a:pt x="1109853" y="2151698"/>
                  </a:cubicBezTo>
                  <a:lnTo>
                    <a:pt x="2102168" y="1555528"/>
                  </a:lnTo>
                  <a:lnTo>
                    <a:pt x="1220153" y="1025652"/>
                  </a:lnTo>
                  <a:lnTo>
                    <a:pt x="1220153" y="1555528"/>
                  </a:lnTo>
                  <a:close/>
                  <a:moveTo>
                    <a:pt x="2552605" y="558737"/>
                  </a:moveTo>
                  <a:cubicBezTo>
                    <a:pt x="2297525" y="303657"/>
                    <a:pt x="1945005" y="145828"/>
                    <a:pt x="1555623" y="145828"/>
                  </a:cubicBezTo>
                  <a:cubicBezTo>
                    <a:pt x="1166336" y="145828"/>
                    <a:pt x="813816" y="303657"/>
                    <a:pt x="558641" y="558737"/>
                  </a:cubicBezTo>
                  <a:cubicBezTo>
                    <a:pt x="303562" y="813816"/>
                    <a:pt x="145733" y="1166336"/>
                    <a:pt x="145733" y="1555718"/>
                  </a:cubicBezTo>
                  <a:cubicBezTo>
                    <a:pt x="145733" y="1945005"/>
                    <a:pt x="303562" y="2297525"/>
                    <a:pt x="558641" y="2552700"/>
                  </a:cubicBezTo>
                  <a:cubicBezTo>
                    <a:pt x="813721" y="2807779"/>
                    <a:pt x="1166241" y="2965609"/>
                    <a:pt x="1555623" y="2965609"/>
                  </a:cubicBezTo>
                  <a:cubicBezTo>
                    <a:pt x="1944910" y="2965609"/>
                    <a:pt x="2297430" y="2807779"/>
                    <a:pt x="2552605" y="2552700"/>
                  </a:cubicBezTo>
                  <a:cubicBezTo>
                    <a:pt x="2807684" y="2297621"/>
                    <a:pt x="2965514" y="1945100"/>
                    <a:pt x="2965514" y="1555718"/>
                  </a:cubicBezTo>
                  <a:cubicBezTo>
                    <a:pt x="2965514" y="1166432"/>
                    <a:pt x="2807684" y="813911"/>
                    <a:pt x="2552605" y="558737"/>
                  </a:cubicBezTo>
                  <a:close/>
                </a:path>
              </a:pathLst>
            </a:custGeom>
            <a:solidFill>
              <a:srgbClr val="FFFFFF"/>
            </a:solidFill>
            <a:ln w="9525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sp>
        <p:nvSpPr>
          <p:cNvPr id="4" name="Rectangle 3">
            <a:hlinkClick r:id="rId9"/>
            <a:extLst>
              <a:ext uri="{FF2B5EF4-FFF2-40B4-BE49-F238E27FC236}">
                <a16:creationId xmlns:a16="http://schemas.microsoft.com/office/drawing/2014/main" id="{25CFB204-F596-AD80-2A0E-BD9E2CB88DED}"/>
              </a:ext>
            </a:extLst>
          </p:cNvPr>
          <p:cNvSpPr/>
          <p:nvPr/>
        </p:nvSpPr>
        <p:spPr>
          <a:xfrm>
            <a:off x="3131540" y="3064388"/>
            <a:ext cx="3765074" cy="2581275"/>
          </a:xfrm>
          <a:prstGeom prst="rect">
            <a:avLst/>
          </a:prstGeom>
          <a:solidFill>
            <a:srgbClr val="5B9BD5">
              <a:alpha val="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6" name="Rectangle 5">
            <a:hlinkClick r:id="rId10"/>
            <a:extLst>
              <a:ext uri="{FF2B5EF4-FFF2-40B4-BE49-F238E27FC236}">
                <a16:creationId xmlns:a16="http://schemas.microsoft.com/office/drawing/2014/main" id="{7CE1ABDA-D91D-32AF-E6D3-73EB66ED9CDE}"/>
              </a:ext>
            </a:extLst>
          </p:cNvPr>
          <p:cNvSpPr/>
          <p:nvPr/>
        </p:nvSpPr>
        <p:spPr>
          <a:xfrm>
            <a:off x="7521778" y="3118728"/>
            <a:ext cx="3765074" cy="2581275"/>
          </a:xfrm>
          <a:prstGeom prst="rect">
            <a:avLst/>
          </a:prstGeom>
          <a:solidFill>
            <a:srgbClr val="5B9BD5">
              <a:alpha val="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381548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7">
            <a:extLst>
              <a:ext uri="{FF2B5EF4-FFF2-40B4-BE49-F238E27FC236}">
                <a16:creationId xmlns:a16="http://schemas.microsoft.com/office/drawing/2014/main" id="{97112F99-077B-D547-6F72-D10C39880AC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21207" y="457581"/>
            <a:ext cx="1046082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Video Based Learning (</a:t>
            </a:r>
            <a:r>
              <a:rPr lang="en-US" b="1" dirty="0">
                <a:latin typeface="Segoe UI Light" panose="020B0502040204020203" pitchFamily="34" charset="0"/>
                <a:cs typeface="Segoe UI Light" panose="020B0502040204020203" pitchFamily="34" charset="0"/>
              </a:rPr>
              <a:t>Whiteboard or Green screen videos</a:t>
            </a:r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)</a:t>
            </a:r>
          </a:p>
        </p:txBody>
      </p:sp>
      <p:pic>
        <p:nvPicPr>
          <p:cNvPr id="5" name="Picture 4" descr="Icon&#10;&#10;Description automatically generated">
            <a:extLst>
              <a:ext uri="{FF2B5EF4-FFF2-40B4-BE49-F238E27FC236}">
                <a16:creationId xmlns:a16="http://schemas.microsoft.com/office/drawing/2014/main" id="{54896BC2-2AA8-009C-EAA6-9F9ED25E16E4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C1A2BBA5-E639-B301-2AD8-7DF834558980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" name="Content Placeholder 17">
            <a:extLst>
              <a:ext uri="{FF2B5EF4-FFF2-40B4-BE49-F238E27FC236}">
                <a16:creationId xmlns:a16="http://schemas.microsoft.com/office/drawing/2014/main" id="{A4669EDC-E51E-24EA-2F9F-275AD9664475}"/>
              </a:ext>
            </a:extLst>
          </p:cNvPr>
          <p:cNvSpPr txBox="1">
            <a:spLocks/>
          </p:cNvSpPr>
          <p:nvPr/>
        </p:nvSpPr>
        <p:spPr>
          <a:xfrm>
            <a:off x="541609" y="1829147"/>
            <a:ext cx="2823064" cy="95410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Camtasia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Sound Forge</a:t>
            </a:r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8EAA1F89-727B-2802-DDAD-AD36897024FC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9" name="Group 8">
              <a:extLst>
                <a:ext uri="{FF2B5EF4-FFF2-40B4-BE49-F238E27FC236}">
                  <a16:creationId xmlns:a16="http://schemas.microsoft.com/office/drawing/2014/main" id="{75B3AB3C-EBCE-BE37-C463-4BC90EE1A731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29" name="Rectangle: Top Corners Rounded 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558FFC68-03A6-EBCA-E8E7-8B4C489D518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30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9578404F-DEE5-9901-5B11-8E3B44A1FF87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10" name="Group 9">
              <a:extLst>
                <a:ext uri="{FF2B5EF4-FFF2-40B4-BE49-F238E27FC236}">
                  <a16:creationId xmlns:a16="http://schemas.microsoft.com/office/drawing/2014/main" id="{C7A21B2A-E8FB-BCA5-B03C-F9347102C0F3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27" name="Rectangle: Top Corners Rounded 26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8FDBC6ED-477B-B82F-FF2A-B55B468B500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28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E9D0020-FC1B-C8C7-3CD5-D9739CC3EFB6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11" name="Group 10">
              <a:extLst>
                <a:ext uri="{FF2B5EF4-FFF2-40B4-BE49-F238E27FC236}">
                  <a16:creationId xmlns:a16="http://schemas.microsoft.com/office/drawing/2014/main" id="{5DAD4180-5D35-5947-D5BD-218236C2628D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12" name="Group 11">
                <a:extLst>
                  <a:ext uri="{FF2B5EF4-FFF2-40B4-BE49-F238E27FC236}">
                    <a16:creationId xmlns:a16="http://schemas.microsoft.com/office/drawing/2014/main" id="{F6D91090-768C-A3C6-59F5-A9A04DCD30D7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14" name="Rectangle: Top Corners Rounded 13">
                  <a:hlinkClick r:id="rId3" action="ppaction://hlinksldjump"/>
                  <a:extLst>
                    <a:ext uri="{FF2B5EF4-FFF2-40B4-BE49-F238E27FC236}">
                      <a16:creationId xmlns:a16="http://schemas.microsoft.com/office/drawing/2014/main" id="{7912FA4C-CE1D-626D-A1DA-8955D0AF2D0C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15" name="Group 76">
                  <a:extLst>
                    <a:ext uri="{FF2B5EF4-FFF2-40B4-BE49-F238E27FC236}">
                      <a16:creationId xmlns:a16="http://schemas.microsoft.com/office/drawing/2014/main" id="{90285FA0-8769-690E-E280-601BC19EFBA7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16" name="Freeform 78">
                    <a:extLst>
                      <a:ext uri="{FF2B5EF4-FFF2-40B4-BE49-F238E27FC236}">
                        <a16:creationId xmlns:a16="http://schemas.microsoft.com/office/drawing/2014/main" id="{F7626F23-3A50-1992-34F1-C23DC94273B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17" name="Freeform 79">
                    <a:extLst>
                      <a:ext uri="{FF2B5EF4-FFF2-40B4-BE49-F238E27FC236}">
                        <a16:creationId xmlns:a16="http://schemas.microsoft.com/office/drawing/2014/main" id="{34BEFBBE-82D2-2EB1-E638-1E5D93D508CE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18" name="Rectangle 80">
                    <a:extLst>
                      <a:ext uri="{FF2B5EF4-FFF2-40B4-BE49-F238E27FC236}">
                        <a16:creationId xmlns:a16="http://schemas.microsoft.com/office/drawing/2014/main" id="{0A99043F-B9ED-782B-C1F5-904B16E51A9D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19" name="Freeform 81">
                    <a:extLst>
                      <a:ext uri="{FF2B5EF4-FFF2-40B4-BE49-F238E27FC236}">
                        <a16:creationId xmlns:a16="http://schemas.microsoft.com/office/drawing/2014/main" id="{D84D5395-BF99-69D5-85CD-5D5FF7ADE06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20" name="Freeform 82">
                    <a:extLst>
                      <a:ext uri="{FF2B5EF4-FFF2-40B4-BE49-F238E27FC236}">
                        <a16:creationId xmlns:a16="http://schemas.microsoft.com/office/drawing/2014/main" id="{4E6C6237-7595-3DAE-41D2-97C7E6289046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21" name="Freeform 83">
                    <a:extLst>
                      <a:ext uri="{FF2B5EF4-FFF2-40B4-BE49-F238E27FC236}">
                        <a16:creationId xmlns:a16="http://schemas.microsoft.com/office/drawing/2014/main" id="{0D69B70C-DB80-EEC3-BC48-D2B74A0DFBD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22" name="Freeform 84">
                    <a:extLst>
                      <a:ext uri="{FF2B5EF4-FFF2-40B4-BE49-F238E27FC236}">
                        <a16:creationId xmlns:a16="http://schemas.microsoft.com/office/drawing/2014/main" id="{0FD9BE90-0ECD-17BE-C88C-A846DE1F7BD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23" name="Rectangle 85">
                    <a:extLst>
                      <a:ext uri="{FF2B5EF4-FFF2-40B4-BE49-F238E27FC236}">
                        <a16:creationId xmlns:a16="http://schemas.microsoft.com/office/drawing/2014/main" id="{BF21F6B5-3960-1878-6FCB-884973D7DD98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24" name="Rectangle 86">
                    <a:extLst>
                      <a:ext uri="{FF2B5EF4-FFF2-40B4-BE49-F238E27FC236}">
                        <a16:creationId xmlns:a16="http://schemas.microsoft.com/office/drawing/2014/main" id="{DFC34ECA-8C09-5553-CDD2-915D9325DD31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25" name="Rectangle 87">
                    <a:extLst>
                      <a:ext uri="{FF2B5EF4-FFF2-40B4-BE49-F238E27FC236}">
                        <a16:creationId xmlns:a16="http://schemas.microsoft.com/office/drawing/2014/main" id="{0A372637-34A8-6858-2086-E2640B7BE17B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26" name="Rectangle 88">
                    <a:extLst>
                      <a:ext uri="{FF2B5EF4-FFF2-40B4-BE49-F238E27FC236}">
                        <a16:creationId xmlns:a16="http://schemas.microsoft.com/office/drawing/2014/main" id="{960F162A-8DD9-249A-E61E-6A787DAE503E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13" name="Rectangle: Top Corners Rounded 12">
                <a:hlinkClick r:id="rId4" action="ppaction://hlinksldjump"/>
                <a:extLst>
                  <a:ext uri="{FF2B5EF4-FFF2-40B4-BE49-F238E27FC236}">
                    <a16:creationId xmlns:a16="http://schemas.microsoft.com/office/drawing/2014/main" id="{D6FA5772-A4FA-ED40-7EF6-36938FFC3A9F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31" name="Content Placeholder 17">
            <a:extLst>
              <a:ext uri="{FF2B5EF4-FFF2-40B4-BE49-F238E27FC236}">
                <a16:creationId xmlns:a16="http://schemas.microsoft.com/office/drawing/2014/main" id="{AE84261B-A33B-2748-65F5-2EA65162B80F}"/>
              </a:ext>
            </a:extLst>
          </p:cNvPr>
          <p:cNvSpPr txBox="1">
            <a:spLocks/>
          </p:cNvSpPr>
          <p:nvPr/>
        </p:nvSpPr>
        <p:spPr>
          <a:xfrm>
            <a:off x="527232" y="1298928"/>
            <a:ext cx="5061546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Video editing in using Camtasia, here are some sample work.</a:t>
            </a:r>
          </a:p>
        </p:txBody>
      </p:sp>
      <p:pic>
        <p:nvPicPr>
          <p:cNvPr id="39" name="Picture 38">
            <a:extLst>
              <a:ext uri="{FF2B5EF4-FFF2-40B4-BE49-F238E27FC236}">
                <a16:creationId xmlns:a16="http://schemas.microsoft.com/office/drawing/2014/main" id="{9B7C94F9-E743-0F8F-D605-682CCD006B83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/>
          <a:stretch/>
        </p:blipFill>
        <p:spPr>
          <a:xfrm>
            <a:off x="7023784" y="2783254"/>
            <a:ext cx="4703493" cy="3325355"/>
          </a:xfrm>
          <a:prstGeom prst="rect">
            <a:avLst/>
          </a:prstGeom>
        </p:spPr>
      </p:pic>
      <p:sp>
        <p:nvSpPr>
          <p:cNvPr id="40" name="Rectangle 39">
            <a:extLst>
              <a:ext uri="{FF2B5EF4-FFF2-40B4-BE49-F238E27FC236}">
                <a16:creationId xmlns:a16="http://schemas.microsoft.com/office/drawing/2014/main" id="{B23B823A-8EBE-311E-E47D-E97F7A855A7D}"/>
              </a:ext>
            </a:extLst>
          </p:cNvPr>
          <p:cNvSpPr/>
          <p:nvPr/>
        </p:nvSpPr>
        <p:spPr>
          <a:xfrm>
            <a:off x="7494740" y="3028066"/>
            <a:ext cx="3799194" cy="2662428"/>
          </a:xfrm>
          <a:prstGeom prst="rect">
            <a:avLst/>
          </a:prstGeom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58" name="Picture 57" descr="A diagram of a football field&#10;&#10;Description automatically generated">
            <a:extLst>
              <a:ext uri="{FF2B5EF4-FFF2-40B4-BE49-F238E27FC236}">
                <a16:creationId xmlns:a16="http://schemas.microsoft.com/office/drawing/2014/main" id="{18FEB6C7-1ED0-752C-0AB9-6A442C7CE56B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506822" y="3299067"/>
            <a:ext cx="3775031" cy="2120427"/>
          </a:xfrm>
          <a:prstGeom prst="rect">
            <a:avLst/>
          </a:prstGeom>
        </p:spPr>
      </p:pic>
      <p:grpSp>
        <p:nvGrpSpPr>
          <p:cNvPr id="48" name="Group 47">
            <a:extLst>
              <a:ext uri="{FF2B5EF4-FFF2-40B4-BE49-F238E27FC236}">
                <a16:creationId xmlns:a16="http://schemas.microsoft.com/office/drawing/2014/main" id="{71587796-6B48-057D-8FE0-BED8A6F1F11C}"/>
              </a:ext>
            </a:extLst>
          </p:cNvPr>
          <p:cNvGrpSpPr/>
          <p:nvPr/>
        </p:nvGrpSpPr>
        <p:grpSpPr>
          <a:xfrm>
            <a:off x="9142094" y="4082856"/>
            <a:ext cx="501283" cy="501283"/>
            <a:chOff x="8663851" y="2766284"/>
            <a:chExt cx="515145" cy="515145"/>
          </a:xfrm>
        </p:grpSpPr>
        <p:sp>
          <p:nvSpPr>
            <p:cNvPr id="49" name="Oval 48">
              <a:extLst>
                <a:ext uri="{FF2B5EF4-FFF2-40B4-BE49-F238E27FC236}">
                  <a16:creationId xmlns:a16="http://schemas.microsoft.com/office/drawing/2014/main" id="{1FF185F4-688F-3213-D255-50EA8D09C3C9}"/>
                </a:ext>
              </a:extLst>
            </p:cNvPr>
            <p:cNvSpPr/>
            <p:nvPr/>
          </p:nvSpPr>
          <p:spPr>
            <a:xfrm>
              <a:off x="8663851" y="2766284"/>
              <a:ext cx="515145" cy="515145"/>
            </a:xfrm>
            <a:prstGeom prst="ellipse">
              <a:avLst/>
            </a:prstGeom>
            <a:solidFill>
              <a:srgbClr val="C0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50" name="Freeform: Shape 49">
              <a:extLst>
                <a:ext uri="{FF2B5EF4-FFF2-40B4-BE49-F238E27FC236}">
                  <a16:creationId xmlns:a16="http://schemas.microsoft.com/office/drawing/2014/main" id="{EE83C65F-5894-76F8-3666-7BBF7F73480A}"/>
                </a:ext>
              </a:extLst>
            </p:cNvPr>
            <p:cNvSpPr/>
            <p:nvPr/>
          </p:nvSpPr>
          <p:spPr>
            <a:xfrm>
              <a:off x="8709954" y="2812387"/>
              <a:ext cx="422938" cy="422938"/>
            </a:xfrm>
            <a:custGeom>
              <a:avLst/>
              <a:gdLst>
                <a:gd name="connsiteX0" fmla="*/ 1555718 w 3111436"/>
                <a:gd name="connsiteY0" fmla="*/ 0 h 3111436"/>
                <a:gd name="connsiteX1" fmla="*/ 2655761 w 3111436"/>
                <a:gd name="connsiteY1" fmla="*/ 455676 h 3111436"/>
                <a:gd name="connsiteX2" fmla="*/ 3111437 w 3111436"/>
                <a:gd name="connsiteY2" fmla="*/ 1555718 h 3111436"/>
                <a:gd name="connsiteX3" fmla="*/ 2655761 w 3111436"/>
                <a:gd name="connsiteY3" fmla="*/ 2655761 h 3111436"/>
                <a:gd name="connsiteX4" fmla="*/ 1555718 w 3111436"/>
                <a:gd name="connsiteY4" fmla="*/ 3111437 h 3111436"/>
                <a:gd name="connsiteX5" fmla="*/ 455676 w 3111436"/>
                <a:gd name="connsiteY5" fmla="*/ 2655761 h 3111436"/>
                <a:gd name="connsiteX6" fmla="*/ 0 w 3111436"/>
                <a:gd name="connsiteY6" fmla="*/ 1555718 h 3111436"/>
                <a:gd name="connsiteX7" fmla="*/ 455676 w 3111436"/>
                <a:gd name="connsiteY7" fmla="*/ 455676 h 3111436"/>
                <a:gd name="connsiteX8" fmla="*/ 1555718 w 3111436"/>
                <a:gd name="connsiteY8" fmla="*/ 0 h 3111436"/>
                <a:gd name="connsiteX9" fmla="*/ 1220057 w 3111436"/>
                <a:gd name="connsiteY9" fmla="*/ 1555718 h 3111436"/>
                <a:gd name="connsiteX10" fmla="*/ 1147096 w 3111436"/>
                <a:gd name="connsiteY10" fmla="*/ 1628680 h 3111436"/>
                <a:gd name="connsiteX11" fmla="*/ 1074134 w 3111436"/>
                <a:gd name="connsiteY11" fmla="*/ 1555718 h 3111436"/>
                <a:gd name="connsiteX12" fmla="*/ 1074134 w 3111436"/>
                <a:gd name="connsiteY12" fmla="*/ 897160 h 3111436"/>
                <a:gd name="connsiteX13" fmla="*/ 1147096 w 3111436"/>
                <a:gd name="connsiteY13" fmla="*/ 824294 h 3111436"/>
                <a:gd name="connsiteX14" fmla="*/ 1189577 w 3111436"/>
                <a:gd name="connsiteY14" fmla="*/ 837914 h 3111436"/>
                <a:gd name="connsiteX15" fmla="*/ 2280571 w 3111436"/>
                <a:gd name="connsiteY15" fmla="*/ 1493330 h 3111436"/>
                <a:gd name="connsiteX16" fmla="*/ 2305622 w 3111436"/>
                <a:gd name="connsiteY16" fmla="*/ 1592961 h 3111436"/>
                <a:gd name="connsiteX17" fmla="*/ 2279904 w 3111436"/>
                <a:gd name="connsiteY17" fmla="*/ 1618393 h 3111436"/>
                <a:gd name="connsiteX18" fmla="*/ 1184434 w 3111436"/>
                <a:gd name="connsiteY18" fmla="*/ 2276475 h 3111436"/>
                <a:gd name="connsiteX19" fmla="*/ 1084802 w 3111436"/>
                <a:gd name="connsiteY19" fmla="*/ 2251424 h 3111436"/>
                <a:gd name="connsiteX20" fmla="*/ 1109853 w 3111436"/>
                <a:gd name="connsiteY20" fmla="*/ 2151698 h 3111436"/>
                <a:gd name="connsiteX21" fmla="*/ 2102168 w 3111436"/>
                <a:gd name="connsiteY21" fmla="*/ 1555528 h 3111436"/>
                <a:gd name="connsiteX22" fmla="*/ 1220153 w 3111436"/>
                <a:gd name="connsiteY22" fmla="*/ 1025652 h 3111436"/>
                <a:gd name="connsiteX23" fmla="*/ 1220153 w 3111436"/>
                <a:gd name="connsiteY23" fmla="*/ 1555528 h 3111436"/>
                <a:gd name="connsiteX24" fmla="*/ 2552605 w 3111436"/>
                <a:gd name="connsiteY24" fmla="*/ 558737 h 3111436"/>
                <a:gd name="connsiteX25" fmla="*/ 1555623 w 3111436"/>
                <a:gd name="connsiteY25" fmla="*/ 145828 h 3111436"/>
                <a:gd name="connsiteX26" fmla="*/ 558641 w 3111436"/>
                <a:gd name="connsiteY26" fmla="*/ 558737 h 3111436"/>
                <a:gd name="connsiteX27" fmla="*/ 145733 w 3111436"/>
                <a:gd name="connsiteY27" fmla="*/ 1555718 h 3111436"/>
                <a:gd name="connsiteX28" fmla="*/ 558641 w 3111436"/>
                <a:gd name="connsiteY28" fmla="*/ 2552700 h 3111436"/>
                <a:gd name="connsiteX29" fmla="*/ 1555623 w 3111436"/>
                <a:gd name="connsiteY29" fmla="*/ 2965609 h 3111436"/>
                <a:gd name="connsiteX30" fmla="*/ 2552605 w 3111436"/>
                <a:gd name="connsiteY30" fmla="*/ 2552700 h 3111436"/>
                <a:gd name="connsiteX31" fmla="*/ 2965514 w 3111436"/>
                <a:gd name="connsiteY31" fmla="*/ 1555718 h 3111436"/>
                <a:gd name="connsiteX32" fmla="*/ 2552605 w 3111436"/>
                <a:gd name="connsiteY32" fmla="*/ 558737 h 31114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3111436" h="3111436">
                  <a:moveTo>
                    <a:pt x="1555718" y="0"/>
                  </a:moveTo>
                  <a:cubicBezTo>
                    <a:pt x="1985296" y="0"/>
                    <a:pt x="2374202" y="174117"/>
                    <a:pt x="2655761" y="455676"/>
                  </a:cubicBezTo>
                  <a:cubicBezTo>
                    <a:pt x="2937320" y="737235"/>
                    <a:pt x="3111437" y="1126141"/>
                    <a:pt x="3111437" y="1555718"/>
                  </a:cubicBezTo>
                  <a:cubicBezTo>
                    <a:pt x="3111437" y="1985296"/>
                    <a:pt x="2937320" y="2374202"/>
                    <a:pt x="2655761" y="2655761"/>
                  </a:cubicBezTo>
                  <a:cubicBezTo>
                    <a:pt x="2374202" y="2937320"/>
                    <a:pt x="1985296" y="3111437"/>
                    <a:pt x="1555718" y="3111437"/>
                  </a:cubicBezTo>
                  <a:cubicBezTo>
                    <a:pt x="1126141" y="3111437"/>
                    <a:pt x="737235" y="2937320"/>
                    <a:pt x="455676" y="2655761"/>
                  </a:cubicBezTo>
                  <a:cubicBezTo>
                    <a:pt x="174117" y="2374202"/>
                    <a:pt x="0" y="1985296"/>
                    <a:pt x="0" y="1555718"/>
                  </a:cubicBezTo>
                  <a:cubicBezTo>
                    <a:pt x="0" y="1126141"/>
                    <a:pt x="174117" y="737235"/>
                    <a:pt x="455676" y="455676"/>
                  </a:cubicBezTo>
                  <a:cubicBezTo>
                    <a:pt x="737235" y="174117"/>
                    <a:pt x="1126141" y="0"/>
                    <a:pt x="1555718" y="0"/>
                  </a:cubicBezTo>
                  <a:close/>
                  <a:moveTo>
                    <a:pt x="1220057" y="1555718"/>
                  </a:moveTo>
                  <a:cubicBezTo>
                    <a:pt x="1220057" y="1596009"/>
                    <a:pt x="1187387" y="1628680"/>
                    <a:pt x="1147096" y="1628680"/>
                  </a:cubicBezTo>
                  <a:cubicBezTo>
                    <a:pt x="1106805" y="1628680"/>
                    <a:pt x="1074134" y="1596009"/>
                    <a:pt x="1074134" y="1555718"/>
                  </a:cubicBezTo>
                  <a:lnTo>
                    <a:pt x="1074134" y="897160"/>
                  </a:lnTo>
                  <a:cubicBezTo>
                    <a:pt x="1074134" y="856964"/>
                    <a:pt x="1106805" y="824294"/>
                    <a:pt x="1147096" y="824294"/>
                  </a:cubicBezTo>
                  <a:cubicBezTo>
                    <a:pt x="1162907" y="824294"/>
                    <a:pt x="1177576" y="829342"/>
                    <a:pt x="1189577" y="837914"/>
                  </a:cubicBezTo>
                  <a:lnTo>
                    <a:pt x="2280571" y="1493330"/>
                  </a:lnTo>
                  <a:cubicBezTo>
                    <a:pt x="2314956" y="1513904"/>
                    <a:pt x="2326196" y="1558576"/>
                    <a:pt x="2305622" y="1592961"/>
                  </a:cubicBezTo>
                  <a:cubicBezTo>
                    <a:pt x="2299049" y="1603915"/>
                    <a:pt x="2290096" y="1612487"/>
                    <a:pt x="2279904" y="1618393"/>
                  </a:cubicBezTo>
                  <a:lnTo>
                    <a:pt x="1184434" y="2276475"/>
                  </a:lnTo>
                  <a:cubicBezTo>
                    <a:pt x="1150049" y="2297049"/>
                    <a:pt x="1105376" y="2285810"/>
                    <a:pt x="1084802" y="2251424"/>
                  </a:cubicBezTo>
                  <a:cubicBezTo>
                    <a:pt x="1064133" y="2216944"/>
                    <a:pt x="1075373" y="2172367"/>
                    <a:pt x="1109853" y="2151698"/>
                  </a:cubicBezTo>
                  <a:lnTo>
                    <a:pt x="2102168" y="1555528"/>
                  </a:lnTo>
                  <a:lnTo>
                    <a:pt x="1220153" y="1025652"/>
                  </a:lnTo>
                  <a:lnTo>
                    <a:pt x="1220153" y="1555528"/>
                  </a:lnTo>
                  <a:close/>
                  <a:moveTo>
                    <a:pt x="2552605" y="558737"/>
                  </a:moveTo>
                  <a:cubicBezTo>
                    <a:pt x="2297525" y="303657"/>
                    <a:pt x="1945005" y="145828"/>
                    <a:pt x="1555623" y="145828"/>
                  </a:cubicBezTo>
                  <a:cubicBezTo>
                    <a:pt x="1166336" y="145828"/>
                    <a:pt x="813816" y="303657"/>
                    <a:pt x="558641" y="558737"/>
                  </a:cubicBezTo>
                  <a:cubicBezTo>
                    <a:pt x="303562" y="813816"/>
                    <a:pt x="145733" y="1166336"/>
                    <a:pt x="145733" y="1555718"/>
                  </a:cubicBezTo>
                  <a:cubicBezTo>
                    <a:pt x="145733" y="1945005"/>
                    <a:pt x="303562" y="2297525"/>
                    <a:pt x="558641" y="2552700"/>
                  </a:cubicBezTo>
                  <a:cubicBezTo>
                    <a:pt x="813721" y="2807779"/>
                    <a:pt x="1166241" y="2965609"/>
                    <a:pt x="1555623" y="2965609"/>
                  </a:cubicBezTo>
                  <a:cubicBezTo>
                    <a:pt x="1944910" y="2965609"/>
                    <a:pt x="2297430" y="2807779"/>
                    <a:pt x="2552605" y="2552700"/>
                  </a:cubicBezTo>
                  <a:cubicBezTo>
                    <a:pt x="2807684" y="2297621"/>
                    <a:pt x="2965514" y="1945100"/>
                    <a:pt x="2965514" y="1555718"/>
                  </a:cubicBezTo>
                  <a:cubicBezTo>
                    <a:pt x="2965514" y="1166432"/>
                    <a:pt x="2807684" y="813911"/>
                    <a:pt x="2552605" y="558737"/>
                  </a:cubicBezTo>
                  <a:close/>
                </a:path>
              </a:pathLst>
            </a:custGeom>
            <a:solidFill>
              <a:srgbClr val="FFFFFF"/>
            </a:solidFill>
            <a:ln w="9525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sp>
        <p:nvSpPr>
          <p:cNvPr id="53" name="Rectangle 52">
            <a:hlinkClick r:id="rId7"/>
            <a:extLst>
              <a:ext uri="{FF2B5EF4-FFF2-40B4-BE49-F238E27FC236}">
                <a16:creationId xmlns:a16="http://schemas.microsoft.com/office/drawing/2014/main" id="{5FF51DF1-E099-E5C3-A3EB-BD5A786CE3DD}"/>
              </a:ext>
            </a:extLst>
          </p:cNvPr>
          <p:cNvSpPr/>
          <p:nvPr/>
        </p:nvSpPr>
        <p:spPr>
          <a:xfrm>
            <a:off x="7488155" y="3082640"/>
            <a:ext cx="3795993" cy="2562671"/>
          </a:xfrm>
          <a:prstGeom prst="rect">
            <a:avLst/>
          </a:prstGeom>
          <a:solidFill>
            <a:srgbClr val="5B9BD5">
              <a:alpha val="0"/>
            </a:srgb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3E29B399-5F33-E855-644B-056CD617AA23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 the Play button to play the video sample</a:t>
            </a:r>
            <a:endParaRPr lang="en-US" sz="1200" dirty="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extLst>
      <p:ext uri="{BB962C8B-B14F-4D97-AF65-F5344CB8AC3E}">
        <p14:creationId xmlns:p14="http://schemas.microsoft.com/office/powerpoint/2010/main" val="3277197343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Rise Samples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7" name="Content Placeholder 17">
            <a:extLst>
              <a:ext uri="{FF2B5EF4-FFF2-40B4-BE49-F238E27FC236}">
                <a16:creationId xmlns:a16="http://schemas.microsoft.com/office/drawing/2014/main" id="{218CC03E-5A6E-4A9B-9B73-873BD216B644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925615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course are created using Rise360</a:t>
            </a:r>
          </a:p>
        </p:txBody>
      </p:sp>
      <p:pic>
        <p:nvPicPr>
          <p:cNvPr id="11" name="Picture 10" descr="Graphical user interface&#10;&#10;Description automatically generated">
            <a:extLst>
              <a:ext uri="{FF2B5EF4-FFF2-40B4-BE49-F238E27FC236}">
                <a16:creationId xmlns:a16="http://schemas.microsoft.com/office/drawing/2014/main" id="{61A3E2B9-DD3C-46BF-55D7-ECC4F866972B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330252" y="4409525"/>
            <a:ext cx="4230029" cy="2000419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13" name="Picture 12" descr="Graphical user interface, website&#10;&#10;Description automatically generated">
            <a:extLst>
              <a:ext uri="{FF2B5EF4-FFF2-40B4-BE49-F238E27FC236}">
                <a16:creationId xmlns:a16="http://schemas.microsoft.com/office/drawing/2014/main" id="{55F54745-58A2-09EE-1A1C-EB40D5BF4239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583213" y="3654501"/>
            <a:ext cx="4557071" cy="2184897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15" name="Picture 14" descr="Graphical user interface, website&#10;&#10;Description automatically generated">
            <a:extLst>
              <a:ext uri="{FF2B5EF4-FFF2-40B4-BE49-F238E27FC236}">
                <a16:creationId xmlns:a16="http://schemas.microsoft.com/office/drawing/2014/main" id="{F2BF6CFC-65B8-4C3B-2125-EAA5EA2E2A39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30899" y="1752040"/>
            <a:ext cx="3937611" cy="1828843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399885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8056"/>
            <a:ext cx="10460829" cy="640080"/>
          </a:xfrm>
        </p:spPr>
        <p:txBody>
          <a:bodyPr>
            <a:noAutofit/>
          </a:bodyPr>
          <a:lstStyle/>
          <a:p>
            <a:b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</a:br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Illustrator Samples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" name="Group 2">
            <a:extLst>
              <a:ext uri="{FF2B5EF4-FFF2-40B4-BE49-F238E27FC236}">
                <a16:creationId xmlns:a16="http://schemas.microsoft.com/office/drawing/2014/main" id="{37E60C02-069D-4049-BF73-583E6C5D947C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56" name="Group 55">
              <a:extLst>
                <a:ext uri="{FF2B5EF4-FFF2-40B4-BE49-F238E27FC236}">
                  <a16:creationId xmlns:a16="http://schemas.microsoft.com/office/drawing/2014/main" id="{A23EAB68-35D3-470C-A83B-F38F1DAB771F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7" name="Rectangle: Top Corners Rounded 56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B7EF88A3-658A-4DAB-8138-421883C6D561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8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32E519DC-E144-4E40-9312-358C31F6BCEB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59" name="Group 58">
              <a:extLst>
                <a:ext uri="{FF2B5EF4-FFF2-40B4-BE49-F238E27FC236}">
                  <a16:creationId xmlns:a16="http://schemas.microsoft.com/office/drawing/2014/main" id="{3B506429-29C4-4B41-9DDA-71B5232080CD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60" name="Rectangle: Top Corners Rounded 5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EF5C904F-44F6-4AD5-BC94-BEF999BE2F7F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61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4F3D2E5B-8C4C-455B-8F04-6C5E554F7076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2" name="Group 1">
              <a:extLst>
                <a:ext uri="{FF2B5EF4-FFF2-40B4-BE49-F238E27FC236}">
                  <a16:creationId xmlns:a16="http://schemas.microsoft.com/office/drawing/2014/main" id="{7AE8D3EB-C630-42F4-AEF5-AFE92480B186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42" name="Group 41">
                <a:extLst>
                  <a:ext uri="{FF2B5EF4-FFF2-40B4-BE49-F238E27FC236}">
                    <a16:creationId xmlns:a16="http://schemas.microsoft.com/office/drawing/2014/main" id="{B87B67E4-0FE4-4E64-80C5-E40D148BC0DA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43" name="Rectangle: Top Corners Rounded 42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0218522C-8E88-40C8-BB08-36039011D05A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44" name="Group 76">
                  <a:extLst>
                    <a:ext uri="{FF2B5EF4-FFF2-40B4-BE49-F238E27FC236}">
                      <a16:creationId xmlns:a16="http://schemas.microsoft.com/office/drawing/2014/main" id="{262D1155-C347-422A-AADD-946833D0C63C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5" name="Freeform 78">
                    <a:extLst>
                      <a:ext uri="{FF2B5EF4-FFF2-40B4-BE49-F238E27FC236}">
                        <a16:creationId xmlns:a16="http://schemas.microsoft.com/office/drawing/2014/main" id="{A51E3CA6-586A-40A5-AFF7-848E05D79EEB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79">
                    <a:extLst>
                      <a:ext uri="{FF2B5EF4-FFF2-40B4-BE49-F238E27FC236}">
                        <a16:creationId xmlns:a16="http://schemas.microsoft.com/office/drawing/2014/main" id="{F4DB7FB9-033B-465F-A04C-44D67B4D413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0">
                    <a:extLst>
                      <a:ext uri="{FF2B5EF4-FFF2-40B4-BE49-F238E27FC236}">
                        <a16:creationId xmlns:a16="http://schemas.microsoft.com/office/drawing/2014/main" id="{8AE3AAC3-69FF-49FA-96D6-BFD84DEB9EC9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Freeform 81">
                    <a:extLst>
                      <a:ext uri="{FF2B5EF4-FFF2-40B4-BE49-F238E27FC236}">
                        <a16:creationId xmlns:a16="http://schemas.microsoft.com/office/drawing/2014/main" id="{7334547B-51B5-4F52-B88E-140C55F597C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Freeform 82">
                    <a:extLst>
                      <a:ext uri="{FF2B5EF4-FFF2-40B4-BE49-F238E27FC236}">
                        <a16:creationId xmlns:a16="http://schemas.microsoft.com/office/drawing/2014/main" id="{DD14E603-E2A9-4B7A-BA86-A648CB016429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Freeform 83">
                    <a:extLst>
                      <a:ext uri="{FF2B5EF4-FFF2-40B4-BE49-F238E27FC236}">
                        <a16:creationId xmlns:a16="http://schemas.microsoft.com/office/drawing/2014/main" id="{411E29FE-F241-4C67-A853-7A3912FF41BA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1" name="Freeform 84">
                    <a:extLst>
                      <a:ext uri="{FF2B5EF4-FFF2-40B4-BE49-F238E27FC236}">
                        <a16:creationId xmlns:a16="http://schemas.microsoft.com/office/drawing/2014/main" id="{509461DF-0668-4CC0-B752-2F9719CB04D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2" name="Rectangle 85">
                    <a:extLst>
                      <a:ext uri="{FF2B5EF4-FFF2-40B4-BE49-F238E27FC236}">
                        <a16:creationId xmlns:a16="http://schemas.microsoft.com/office/drawing/2014/main" id="{D3A0C7C9-BE0C-49BE-A1D5-FAEBDE917971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3" name="Rectangle 86">
                    <a:extLst>
                      <a:ext uri="{FF2B5EF4-FFF2-40B4-BE49-F238E27FC236}">
                        <a16:creationId xmlns:a16="http://schemas.microsoft.com/office/drawing/2014/main" id="{26959EEB-B246-40A7-A6EC-DBD5503B516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4" name="Rectangle 87">
                    <a:extLst>
                      <a:ext uri="{FF2B5EF4-FFF2-40B4-BE49-F238E27FC236}">
                        <a16:creationId xmlns:a16="http://schemas.microsoft.com/office/drawing/2014/main" id="{E307D18F-51DC-4C11-8B2C-38643F5DBD2E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5" name="Rectangle 88">
                    <a:extLst>
                      <a:ext uri="{FF2B5EF4-FFF2-40B4-BE49-F238E27FC236}">
                        <a16:creationId xmlns:a16="http://schemas.microsoft.com/office/drawing/2014/main" id="{18237F28-CB63-4CC6-8F73-6298295F31E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64" name="Rectangle: Top Corners Rounded 63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B05B1177-D978-42B7-98FD-C2B7260613E2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33" name="Content Placeholder 17">
            <a:extLst>
              <a:ext uri="{FF2B5EF4-FFF2-40B4-BE49-F238E27FC236}">
                <a16:creationId xmlns:a16="http://schemas.microsoft.com/office/drawing/2014/main" id="{67291660-B5E8-4774-BF75-E59E914D8C0E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925615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Below mockup are created in Adobe Illustrator </a:t>
            </a:r>
          </a:p>
        </p:txBody>
      </p:sp>
      <p:pic>
        <p:nvPicPr>
          <p:cNvPr id="5" name="Picture 4" descr="Chart, diagram&#10;&#10;Description automatically generated">
            <a:extLst>
              <a:ext uri="{FF2B5EF4-FFF2-40B4-BE49-F238E27FC236}">
                <a16:creationId xmlns:a16="http://schemas.microsoft.com/office/drawing/2014/main" id="{1ACF93DB-E7A4-C6EE-8D13-A0F239C0B756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339501" y="1487387"/>
            <a:ext cx="7373984" cy="521338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330542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8056"/>
            <a:ext cx="10460829" cy="640080"/>
          </a:xfrm>
        </p:spPr>
        <p:txBody>
          <a:bodyPr>
            <a:noAutofit/>
          </a:bodyPr>
          <a:lstStyle/>
          <a:p>
            <a:b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</a:br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Adobe XD Samples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" name="Group 2">
            <a:extLst>
              <a:ext uri="{FF2B5EF4-FFF2-40B4-BE49-F238E27FC236}">
                <a16:creationId xmlns:a16="http://schemas.microsoft.com/office/drawing/2014/main" id="{37E60C02-069D-4049-BF73-583E6C5D947C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56" name="Group 55">
              <a:extLst>
                <a:ext uri="{FF2B5EF4-FFF2-40B4-BE49-F238E27FC236}">
                  <a16:creationId xmlns:a16="http://schemas.microsoft.com/office/drawing/2014/main" id="{A23EAB68-35D3-470C-A83B-F38F1DAB771F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7" name="Rectangle: Top Corners Rounded 56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B7EF88A3-658A-4DAB-8138-421883C6D561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8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32E519DC-E144-4E40-9312-358C31F6BCEB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59" name="Group 58">
              <a:extLst>
                <a:ext uri="{FF2B5EF4-FFF2-40B4-BE49-F238E27FC236}">
                  <a16:creationId xmlns:a16="http://schemas.microsoft.com/office/drawing/2014/main" id="{3B506429-29C4-4B41-9DDA-71B5232080CD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60" name="Rectangle: Top Corners Rounded 5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EF5C904F-44F6-4AD5-BC94-BEF999BE2F7F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61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4F3D2E5B-8C4C-455B-8F04-6C5E554F7076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2" name="Group 1">
              <a:extLst>
                <a:ext uri="{FF2B5EF4-FFF2-40B4-BE49-F238E27FC236}">
                  <a16:creationId xmlns:a16="http://schemas.microsoft.com/office/drawing/2014/main" id="{7AE8D3EB-C630-42F4-AEF5-AFE92480B186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42" name="Group 41">
                <a:extLst>
                  <a:ext uri="{FF2B5EF4-FFF2-40B4-BE49-F238E27FC236}">
                    <a16:creationId xmlns:a16="http://schemas.microsoft.com/office/drawing/2014/main" id="{B87B67E4-0FE4-4E64-80C5-E40D148BC0DA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43" name="Rectangle: Top Corners Rounded 42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0218522C-8E88-40C8-BB08-36039011D05A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44" name="Group 76">
                  <a:extLst>
                    <a:ext uri="{FF2B5EF4-FFF2-40B4-BE49-F238E27FC236}">
                      <a16:creationId xmlns:a16="http://schemas.microsoft.com/office/drawing/2014/main" id="{262D1155-C347-422A-AADD-946833D0C63C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5" name="Freeform 78">
                    <a:extLst>
                      <a:ext uri="{FF2B5EF4-FFF2-40B4-BE49-F238E27FC236}">
                        <a16:creationId xmlns:a16="http://schemas.microsoft.com/office/drawing/2014/main" id="{A51E3CA6-586A-40A5-AFF7-848E05D79EEB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79">
                    <a:extLst>
                      <a:ext uri="{FF2B5EF4-FFF2-40B4-BE49-F238E27FC236}">
                        <a16:creationId xmlns:a16="http://schemas.microsoft.com/office/drawing/2014/main" id="{F4DB7FB9-033B-465F-A04C-44D67B4D413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0">
                    <a:extLst>
                      <a:ext uri="{FF2B5EF4-FFF2-40B4-BE49-F238E27FC236}">
                        <a16:creationId xmlns:a16="http://schemas.microsoft.com/office/drawing/2014/main" id="{8AE3AAC3-69FF-49FA-96D6-BFD84DEB9EC9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Freeform 81">
                    <a:extLst>
                      <a:ext uri="{FF2B5EF4-FFF2-40B4-BE49-F238E27FC236}">
                        <a16:creationId xmlns:a16="http://schemas.microsoft.com/office/drawing/2014/main" id="{7334547B-51B5-4F52-B88E-140C55F597C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Freeform 82">
                    <a:extLst>
                      <a:ext uri="{FF2B5EF4-FFF2-40B4-BE49-F238E27FC236}">
                        <a16:creationId xmlns:a16="http://schemas.microsoft.com/office/drawing/2014/main" id="{DD14E603-E2A9-4B7A-BA86-A648CB016429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Freeform 83">
                    <a:extLst>
                      <a:ext uri="{FF2B5EF4-FFF2-40B4-BE49-F238E27FC236}">
                        <a16:creationId xmlns:a16="http://schemas.microsoft.com/office/drawing/2014/main" id="{411E29FE-F241-4C67-A853-7A3912FF41BA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1" name="Freeform 84">
                    <a:extLst>
                      <a:ext uri="{FF2B5EF4-FFF2-40B4-BE49-F238E27FC236}">
                        <a16:creationId xmlns:a16="http://schemas.microsoft.com/office/drawing/2014/main" id="{509461DF-0668-4CC0-B752-2F9719CB04D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2" name="Rectangle 85">
                    <a:extLst>
                      <a:ext uri="{FF2B5EF4-FFF2-40B4-BE49-F238E27FC236}">
                        <a16:creationId xmlns:a16="http://schemas.microsoft.com/office/drawing/2014/main" id="{D3A0C7C9-BE0C-49BE-A1D5-FAEBDE917971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3" name="Rectangle 86">
                    <a:extLst>
                      <a:ext uri="{FF2B5EF4-FFF2-40B4-BE49-F238E27FC236}">
                        <a16:creationId xmlns:a16="http://schemas.microsoft.com/office/drawing/2014/main" id="{26959EEB-B246-40A7-A6EC-DBD5503B516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4" name="Rectangle 87">
                    <a:extLst>
                      <a:ext uri="{FF2B5EF4-FFF2-40B4-BE49-F238E27FC236}">
                        <a16:creationId xmlns:a16="http://schemas.microsoft.com/office/drawing/2014/main" id="{E307D18F-51DC-4C11-8B2C-38643F5DBD2E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5" name="Rectangle 88">
                    <a:extLst>
                      <a:ext uri="{FF2B5EF4-FFF2-40B4-BE49-F238E27FC236}">
                        <a16:creationId xmlns:a16="http://schemas.microsoft.com/office/drawing/2014/main" id="{18237F28-CB63-4CC6-8F73-6298295F31E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64" name="Rectangle: Top Corners Rounded 63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B05B1177-D978-42B7-98FD-C2B7260613E2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4" name="Content Placeholder 17">
            <a:extLst>
              <a:ext uri="{FF2B5EF4-FFF2-40B4-BE49-F238E27FC236}">
                <a16:creationId xmlns:a16="http://schemas.microsoft.com/office/drawing/2014/main" id="{4B025D63-12D8-2D2F-8F2F-03BC34A167FD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Mockups created for HTML, and storyline course using XD.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5F7DF2C-580F-FFC6-6DDF-C352794881CC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28073" y="1896720"/>
            <a:ext cx="7454628" cy="4191181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93727A0C-882F-FF0F-F59A-97A912448B13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6952811" y="4081472"/>
            <a:ext cx="3765745" cy="2117197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89ACF71D-3448-090F-ECD0-16AEF0F3D426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6951165" y="1785027"/>
            <a:ext cx="3767390" cy="2118123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1291014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8056"/>
            <a:ext cx="10460829" cy="640080"/>
          </a:xfrm>
        </p:spPr>
        <p:txBody>
          <a:bodyPr>
            <a:noAutofit/>
          </a:bodyPr>
          <a:lstStyle/>
          <a:p>
            <a:b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</a:br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Adobe XD Samples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" name="Group 2">
            <a:extLst>
              <a:ext uri="{FF2B5EF4-FFF2-40B4-BE49-F238E27FC236}">
                <a16:creationId xmlns:a16="http://schemas.microsoft.com/office/drawing/2014/main" id="{37E60C02-069D-4049-BF73-583E6C5D947C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56" name="Group 55">
              <a:extLst>
                <a:ext uri="{FF2B5EF4-FFF2-40B4-BE49-F238E27FC236}">
                  <a16:creationId xmlns:a16="http://schemas.microsoft.com/office/drawing/2014/main" id="{A23EAB68-35D3-470C-A83B-F38F1DAB771F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7" name="Rectangle: Top Corners Rounded 56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B7EF88A3-658A-4DAB-8138-421883C6D561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8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32E519DC-E144-4E40-9312-358C31F6BCEB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59" name="Group 58">
              <a:extLst>
                <a:ext uri="{FF2B5EF4-FFF2-40B4-BE49-F238E27FC236}">
                  <a16:creationId xmlns:a16="http://schemas.microsoft.com/office/drawing/2014/main" id="{3B506429-29C4-4B41-9DDA-71B5232080CD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60" name="Rectangle: Top Corners Rounded 5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EF5C904F-44F6-4AD5-BC94-BEF999BE2F7F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61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4F3D2E5B-8C4C-455B-8F04-6C5E554F7076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2" name="Group 1">
              <a:extLst>
                <a:ext uri="{FF2B5EF4-FFF2-40B4-BE49-F238E27FC236}">
                  <a16:creationId xmlns:a16="http://schemas.microsoft.com/office/drawing/2014/main" id="{7AE8D3EB-C630-42F4-AEF5-AFE92480B186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42" name="Group 41">
                <a:extLst>
                  <a:ext uri="{FF2B5EF4-FFF2-40B4-BE49-F238E27FC236}">
                    <a16:creationId xmlns:a16="http://schemas.microsoft.com/office/drawing/2014/main" id="{B87B67E4-0FE4-4E64-80C5-E40D148BC0DA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43" name="Rectangle: Top Corners Rounded 42">
                  <a:hlinkClick r:id="rId6" action="ppaction://hlinksldjump"/>
                  <a:extLst>
                    <a:ext uri="{FF2B5EF4-FFF2-40B4-BE49-F238E27FC236}">
                      <a16:creationId xmlns:a16="http://schemas.microsoft.com/office/drawing/2014/main" id="{0218522C-8E88-40C8-BB08-36039011D05A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44" name="Group 76">
                  <a:extLst>
                    <a:ext uri="{FF2B5EF4-FFF2-40B4-BE49-F238E27FC236}">
                      <a16:creationId xmlns:a16="http://schemas.microsoft.com/office/drawing/2014/main" id="{262D1155-C347-422A-AADD-946833D0C63C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5" name="Freeform 78">
                    <a:extLst>
                      <a:ext uri="{FF2B5EF4-FFF2-40B4-BE49-F238E27FC236}">
                        <a16:creationId xmlns:a16="http://schemas.microsoft.com/office/drawing/2014/main" id="{A51E3CA6-586A-40A5-AFF7-848E05D79EEB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79">
                    <a:extLst>
                      <a:ext uri="{FF2B5EF4-FFF2-40B4-BE49-F238E27FC236}">
                        <a16:creationId xmlns:a16="http://schemas.microsoft.com/office/drawing/2014/main" id="{F4DB7FB9-033B-465F-A04C-44D67B4D413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0">
                    <a:extLst>
                      <a:ext uri="{FF2B5EF4-FFF2-40B4-BE49-F238E27FC236}">
                        <a16:creationId xmlns:a16="http://schemas.microsoft.com/office/drawing/2014/main" id="{8AE3AAC3-69FF-49FA-96D6-BFD84DEB9EC9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Freeform 81">
                    <a:extLst>
                      <a:ext uri="{FF2B5EF4-FFF2-40B4-BE49-F238E27FC236}">
                        <a16:creationId xmlns:a16="http://schemas.microsoft.com/office/drawing/2014/main" id="{7334547B-51B5-4F52-B88E-140C55F597C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Freeform 82">
                    <a:extLst>
                      <a:ext uri="{FF2B5EF4-FFF2-40B4-BE49-F238E27FC236}">
                        <a16:creationId xmlns:a16="http://schemas.microsoft.com/office/drawing/2014/main" id="{DD14E603-E2A9-4B7A-BA86-A648CB016429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Freeform 83">
                    <a:extLst>
                      <a:ext uri="{FF2B5EF4-FFF2-40B4-BE49-F238E27FC236}">
                        <a16:creationId xmlns:a16="http://schemas.microsoft.com/office/drawing/2014/main" id="{411E29FE-F241-4C67-A853-7A3912FF41BA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1" name="Freeform 84">
                    <a:extLst>
                      <a:ext uri="{FF2B5EF4-FFF2-40B4-BE49-F238E27FC236}">
                        <a16:creationId xmlns:a16="http://schemas.microsoft.com/office/drawing/2014/main" id="{509461DF-0668-4CC0-B752-2F9719CB04D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2" name="Rectangle 85">
                    <a:extLst>
                      <a:ext uri="{FF2B5EF4-FFF2-40B4-BE49-F238E27FC236}">
                        <a16:creationId xmlns:a16="http://schemas.microsoft.com/office/drawing/2014/main" id="{D3A0C7C9-BE0C-49BE-A1D5-FAEBDE917971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3" name="Rectangle 86">
                    <a:extLst>
                      <a:ext uri="{FF2B5EF4-FFF2-40B4-BE49-F238E27FC236}">
                        <a16:creationId xmlns:a16="http://schemas.microsoft.com/office/drawing/2014/main" id="{26959EEB-B246-40A7-A6EC-DBD5503B516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4" name="Rectangle 87">
                    <a:extLst>
                      <a:ext uri="{FF2B5EF4-FFF2-40B4-BE49-F238E27FC236}">
                        <a16:creationId xmlns:a16="http://schemas.microsoft.com/office/drawing/2014/main" id="{E307D18F-51DC-4C11-8B2C-38643F5DBD2E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5" name="Rectangle 88">
                    <a:extLst>
                      <a:ext uri="{FF2B5EF4-FFF2-40B4-BE49-F238E27FC236}">
                        <a16:creationId xmlns:a16="http://schemas.microsoft.com/office/drawing/2014/main" id="{18237F28-CB63-4CC6-8F73-6298295F31E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64" name="Rectangle: Top Corners Rounded 63">
                <a:hlinkClick r:id="rId7" action="ppaction://hlinksldjump"/>
                <a:extLst>
                  <a:ext uri="{FF2B5EF4-FFF2-40B4-BE49-F238E27FC236}">
                    <a16:creationId xmlns:a16="http://schemas.microsoft.com/office/drawing/2014/main" id="{B05B1177-D978-42B7-98FD-C2B7260613E2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4" name="Content Placeholder 17">
            <a:extLst>
              <a:ext uri="{FF2B5EF4-FFF2-40B4-BE49-F238E27FC236}">
                <a16:creationId xmlns:a16="http://schemas.microsoft.com/office/drawing/2014/main" id="{4B025D63-12D8-2D2F-8F2F-03BC34A167FD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Mockups created for HTML, and storyline course using XD.</a:t>
            </a:r>
          </a:p>
        </p:txBody>
      </p:sp>
      <p:pic>
        <p:nvPicPr>
          <p:cNvPr id="5" name="AdobeStock_574627454_Video_HD_Preview">
            <a:hlinkClick r:id="" action="ppaction://media"/>
            <a:extLst>
              <a:ext uri="{FF2B5EF4-FFF2-40B4-BE49-F238E27FC236}">
                <a16:creationId xmlns:a16="http://schemas.microsoft.com/office/drawing/2014/main" id="{E1825E9E-A782-B403-5DCB-CCCAE9C5A666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628073" y="1988999"/>
            <a:ext cx="7121321" cy="4005743"/>
          </a:xfrm>
          <a:prstGeom prst="rect">
            <a:avLst/>
          </a:prstGeom>
        </p:spPr>
      </p:pic>
      <p:pic>
        <p:nvPicPr>
          <p:cNvPr id="15" name="Graphic 14">
            <a:extLst>
              <a:ext uri="{FF2B5EF4-FFF2-40B4-BE49-F238E27FC236}">
                <a16:creationId xmlns:a16="http://schemas.microsoft.com/office/drawing/2014/main" id="{E44650AF-7C23-CD41-64A9-2C6770043AC4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628074" y="1988998"/>
            <a:ext cx="7121320" cy="4005743"/>
          </a:xfrm>
          <a:prstGeom prst="rect">
            <a:avLst/>
          </a:prstGeom>
        </p:spPr>
      </p:pic>
      <p:pic>
        <p:nvPicPr>
          <p:cNvPr id="11" name="Graphic 10">
            <a:extLst>
              <a:ext uri="{FF2B5EF4-FFF2-40B4-BE49-F238E27FC236}">
                <a16:creationId xmlns:a16="http://schemas.microsoft.com/office/drawing/2014/main" id="{8C0FF244-967A-0B40-4BA6-2A708D467F3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1397479" y="2826876"/>
            <a:ext cx="3607965" cy="1906481"/>
          </a:xfrm>
          <a:prstGeom prst="rect">
            <a:avLst/>
          </a:prstGeom>
        </p:spPr>
      </p:pic>
      <p:pic>
        <p:nvPicPr>
          <p:cNvPr id="13" name="Graphic 12">
            <a:extLst>
              <a:ext uri="{FF2B5EF4-FFF2-40B4-BE49-F238E27FC236}">
                <a16:creationId xmlns:a16="http://schemas.microsoft.com/office/drawing/2014/main" id="{691E4101-03FD-F4A9-0A57-A1048EBBA1B6}"/>
              </a:ext>
            </a:extLst>
          </p:cNvPr>
          <p:cNvPicPr>
            <a:picLocks noChangeAspect="1"/>
          </p:cNvPicPr>
          <p:nvPr/>
        </p:nvPicPr>
        <p:blipFill rotWithShape="1"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rcRect b="14029"/>
          <a:stretch/>
        </p:blipFill>
        <p:spPr>
          <a:xfrm>
            <a:off x="5222505" y="1988999"/>
            <a:ext cx="2526889" cy="4005743"/>
          </a:xfrm>
          <a:prstGeom prst="rect">
            <a:avLst/>
          </a:prstGeom>
        </p:spPr>
      </p:pic>
      <p:pic>
        <p:nvPicPr>
          <p:cNvPr id="17" name="Graphic 16">
            <a:extLst>
              <a:ext uri="{FF2B5EF4-FFF2-40B4-BE49-F238E27FC236}">
                <a16:creationId xmlns:a16="http://schemas.microsoft.com/office/drawing/2014/main" id="{59355171-23AC-A8F9-52DD-DFABB43E2CAB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1397479" y="5005803"/>
            <a:ext cx="914400" cy="279610"/>
          </a:xfrm>
          <a:prstGeom prst="rect">
            <a:avLst/>
          </a:prstGeom>
        </p:spPr>
      </p:pic>
      <p:pic>
        <p:nvPicPr>
          <p:cNvPr id="20" name="Picture 19">
            <a:extLst>
              <a:ext uri="{FF2B5EF4-FFF2-40B4-BE49-F238E27FC236}">
                <a16:creationId xmlns:a16="http://schemas.microsoft.com/office/drawing/2014/main" id="{B073C0A3-C9F6-DD40-3D4F-324E0639DF9C}"/>
              </a:ext>
            </a:extLst>
          </p:cNvPr>
          <p:cNvPicPr>
            <a:picLocks noChangeAspect="1"/>
          </p:cNvPicPr>
          <p:nvPr/>
        </p:nvPicPr>
        <p:blipFill>
          <a:blip r:embed="rId17"/>
          <a:srcRect/>
          <a:stretch/>
        </p:blipFill>
        <p:spPr>
          <a:xfrm>
            <a:off x="7400080" y="3864636"/>
            <a:ext cx="4226026" cy="237598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910909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5000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repeatCount="indefinite" fill="hold" display="0">
                  <p:stCondLst>
                    <p:cond delay="indefinite"/>
                  </p:stCondLst>
                </p:cTn>
                <p:tgtEl>
                  <p:spTgt spid="5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8056"/>
            <a:ext cx="1046082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Training Tool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TextBox 3"/>
          <p:cNvSpPr txBox="1"/>
          <p:nvPr/>
        </p:nvSpPr>
        <p:spPr>
          <a:xfrm>
            <a:off x="1685999" y="1397488"/>
            <a:ext cx="64645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b="1" dirty="0"/>
              <a:t>Tool</a:t>
            </a:r>
            <a:endParaRPr lang="en-IN" b="1" dirty="0"/>
          </a:p>
        </p:txBody>
      </p:sp>
      <p:sp>
        <p:nvSpPr>
          <p:cNvPr id="20" name="TextBox 19"/>
          <p:cNvSpPr txBox="1"/>
          <p:nvPr/>
        </p:nvSpPr>
        <p:spPr>
          <a:xfrm>
            <a:off x="6270852" y="1365005"/>
            <a:ext cx="4421275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b="1" dirty="0"/>
              <a:t>Level (Intermediate/Advanced/Expert)</a:t>
            </a:r>
            <a:endParaRPr lang="en-IN" b="1" dirty="0"/>
          </a:p>
        </p:txBody>
      </p:sp>
      <p:cxnSp>
        <p:nvCxnSpPr>
          <p:cNvPr id="6" name="Straight Connector 5"/>
          <p:cNvCxnSpPr/>
          <p:nvPr/>
        </p:nvCxnSpPr>
        <p:spPr>
          <a:xfrm>
            <a:off x="1632743" y="219338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Connector 21"/>
          <p:cNvCxnSpPr/>
          <p:nvPr/>
        </p:nvCxnSpPr>
        <p:spPr>
          <a:xfrm>
            <a:off x="1634280" y="252612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Straight Connector 23"/>
          <p:cNvCxnSpPr/>
          <p:nvPr/>
        </p:nvCxnSpPr>
        <p:spPr>
          <a:xfrm>
            <a:off x="1634280" y="285886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Straight Connector 24"/>
          <p:cNvCxnSpPr/>
          <p:nvPr/>
        </p:nvCxnSpPr>
        <p:spPr>
          <a:xfrm>
            <a:off x="1634280" y="3191605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Straight Connector 25"/>
          <p:cNvCxnSpPr/>
          <p:nvPr/>
        </p:nvCxnSpPr>
        <p:spPr>
          <a:xfrm>
            <a:off x="1634280" y="3524344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Straight Connector 26"/>
          <p:cNvCxnSpPr/>
          <p:nvPr/>
        </p:nvCxnSpPr>
        <p:spPr>
          <a:xfrm>
            <a:off x="1634280" y="3857083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Straight Connector 27"/>
          <p:cNvCxnSpPr/>
          <p:nvPr/>
        </p:nvCxnSpPr>
        <p:spPr>
          <a:xfrm>
            <a:off x="1634280" y="4189822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Straight Connector 28"/>
          <p:cNvCxnSpPr/>
          <p:nvPr/>
        </p:nvCxnSpPr>
        <p:spPr>
          <a:xfrm>
            <a:off x="1634280" y="4522561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Straight Connector 29"/>
          <p:cNvCxnSpPr/>
          <p:nvPr/>
        </p:nvCxnSpPr>
        <p:spPr>
          <a:xfrm>
            <a:off x="1634280" y="4855300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Straight Connector 30"/>
          <p:cNvCxnSpPr/>
          <p:nvPr/>
        </p:nvCxnSpPr>
        <p:spPr>
          <a:xfrm>
            <a:off x="1634280" y="5188039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TextBox 31"/>
          <p:cNvSpPr txBox="1"/>
          <p:nvPr/>
        </p:nvSpPr>
        <p:spPr>
          <a:xfrm>
            <a:off x="1572951" y="1865339"/>
            <a:ext cx="219826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Photoshop CC</a:t>
            </a:r>
          </a:p>
        </p:txBody>
      </p:sp>
      <p:sp>
        <p:nvSpPr>
          <p:cNvPr id="33" name="TextBox 32"/>
          <p:cNvSpPr txBox="1"/>
          <p:nvPr/>
        </p:nvSpPr>
        <p:spPr>
          <a:xfrm>
            <a:off x="1572951" y="2199028"/>
            <a:ext cx="2073995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Illustrator CC</a:t>
            </a:r>
          </a:p>
        </p:txBody>
      </p:sp>
      <p:sp>
        <p:nvSpPr>
          <p:cNvPr id="34" name="TextBox 33"/>
          <p:cNvSpPr txBox="1"/>
          <p:nvPr/>
        </p:nvSpPr>
        <p:spPr>
          <a:xfrm>
            <a:off x="1555168" y="2526270"/>
            <a:ext cx="1794717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Articulate Rise</a:t>
            </a:r>
            <a:endParaRPr lang="en-IN" sz="1600" dirty="0"/>
          </a:p>
        </p:txBody>
      </p:sp>
      <p:sp>
        <p:nvSpPr>
          <p:cNvPr id="35" name="TextBox 34"/>
          <p:cNvSpPr txBox="1"/>
          <p:nvPr/>
        </p:nvSpPr>
        <p:spPr>
          <a:xfrm>
            <a:off x="1572951" y="2851605"/>
            <a:ext cx="1002732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Audacity</a:t>
            </a:r>
            <a:endParaRPr lang="en-IN" sz="1600" dirty="0"/>
          </a:p>
        </p:txBody>
      </p:sp>
      <p:sp>
        <p:nvSpPr>
          <p:cNvPr id="37" name="TextBox 36"/>
          <p:cNvSpPr txBox="1"/>
          <p:nvPr/>
        </p:nvSpPr>
        <p:spPr>
          <a:xfrm>
            <a:off x="1572951" y="3852380"/>
            <a:ext cx="165624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Animate</a:t>
            </a:r>
          </a:p>
        </p:txBody>
      </p:sp>
      <p:sp>
        <p:nvSpPr>
          <p:cNvPr id="38" name="TextBox 37"/>
          <p:cNvSpPr txBox="1"/>
          <p:nvPr/>
        </p:nvSpPr>
        <p:spPr>
          <a:xfrm>
            <a:off x="1580865" y="3194358"/>
            <a:ext cx="40531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MS Office Suite (PowerPoint, Word, Excel)</a:t>
            </a:r>
            <a:endParaRPr lang="en-IN" sz="1600" dirty="0"/>
          </a:p>
        </p:txBody>
      </p:sp>
      <p:sp>
        <p:nvSpPr>
          <p:cNvPr id="39" name="TextBox 38"/>
          <p:cNvSpPr txBox="1"/>
          <p:nvPr/>
        </p:nvSpPr>
        <p:spPr>
          <a:xfrm>
            <a:off x="1572951" y="4838526"/>
            <a:ext cx="385027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Articulate Storyline 360</a:t>
            </a:r>
            <a:endParaRPr lang="en-IN" sz="1600" dirty="0"/>
          </a:p>
        </p:txBody>
      </p:sp>
      <p:sp>
        <p:nvSpPr>
          <p:cNvPr id="41" name="TextBox 40"/>
          <p:cNvSpPr txBox="1"/>
          <p:nvPr/>
        </p:nvSpPr>
        <p:spPr>
          <a:xfrm>
            <a:off x="6232752" y="1865339"/>
            <a:ext cx="100866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2" name="TextBox 41"/>
          <p:cNvSpPr txBox="1"/>
          <p:nvPr/>
        </p:nvSpPr>
        <p:spPr>
          <a:xfrm>
            <a:off x="6232752" y="2199028"/>
            <a:ext cx="100866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3" name="TextBox 42"/>
          <p:cNvSpPr txBox="1"/>
          <p:nvPr/>
        </p:nvSpPr>
        <p:spPr>
          <a:xfrm>
            <a:off x="6222732" y="3512552"/>
            <a:ext cx="1794717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sz="1600" dirty="0">
                <a:solidFill>
                  <a:schemeClr val="dk1"/>
                </a:solidFill>
              </a:rPr>
              <a:t>Advanced</a:t>
            </a:r>
            <a:endParaRPr lang="en-IN" sz="1600" dirty="0"/>
          </a:p>
        </p:txBody>
      </p:sp>
      <p:sp>
        <p:nvSpPr>
          <p:cNvPr id="44" name="TextBox 43"/>
          <p:cNvSpPr txBox="1"/>
          <p:nvPr/>
        </p:nvSpPr>
        <p:spPr>
          <a:xfrm>
            <a:off x="6214970" y="2526270"/>
            <a:ext cx="142887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5" name="TextBox 44"/>
          <p:cNvSpPr txBox="1"/>
          <p:nvPr/>
        </p:nvSpPr>
        <p:spPr>
          <a:xfrm>
            <a:off x="6232752" y="2851605"/>
            <a:ext cx="142887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6" name="TextBox 45"/>
          <p:cNvSpPr txBox="1"/>
          <p:nvPr/>
        </p:nvSpPr>
        <p:spPr>
          <a:xfrm>
            <a:off x="6232752" y="3162131"/>
            <a:ext cx="142887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sz="1600" dirty="0">
                <a:solidFill>
                  <a:schemeClr val="dk1"/>
                </a:solidFill>
              </a:rPr>
              <a:t>Advanced</a:t>
            </a:r>
            <a:endParaRPr lang="en-IN" sz="1600" dirty="0"/>
          </a:p>
        </p:txBody>
      </p:sp>
      <p:sp>
        <p:nvSpPr>
          <p:cNvPr id="47" name="TextBox 46"/>
          <p:cNvSpPr txBox="1"/>
          <p:nvPr/>
        </p:nvSpPr>
        <p:spPr>
          <a:xfrm>
            <a:off x="6232752" y="5190371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8" name="TextBox 47"/>
          <p:cNvSpPr txBox="1"/>
          <p:nvPr/>
        </p:nvSpPr>
        <p:spPr>
          <a:xfrm>
            <a:off x="6232752" y="3851388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9" name="TextBox 48"/>
          <p:cNvSpPr txBox="1"/>
          <p:nvPr/>
        </p:nvSpPr>
        <p:spPr>
          <a:xfrm>
            <a:off x="6232752" y="5857297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Intermediate</a:t>
            </a:r>
            <a:endParaRPr lang="en-IN" sz="1600" dirty="0"/>
          </a:p>
        </p:txBody>
      </p:sp>
      <p:cxnSp>
        <p:nvCxnSpPr>
          <p:cNvPr id="52" name="Straight Connector 51"/>
          <p:cNvCxnSpPr>
            <a:cxnSpLocks/>
          </p:cNvCxnSpPr>
          <p:nvPr/>
        </p:nvCxnSpPr>
        <p:spPr>
          <a:xfrm>
            <a:off x="6270852" y="219338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3" name="Straight Connector 52"/>
          <p:cNvCxnSpPr>
            <a:cxnSpLocks/>
          </p:cNvCxnSpPr>
          <p:nvPr/>
        </p:nvCxnSpPr>
        <p:spPr>
          <a:xfrm>
            <a:off x="6270852" y="252612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4" name="Straight Connector 53"/>
          <p:cNvCxnSpPr>
            <a:cxnSpLocks/>
          </p:cNvCxnSpPr>
          <p:nvPr/>
        </p:nvCxnSpPr>
        <p:spPr>
          <a:xfrm>
            <a:off x="6270852" y="285886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Straight Connector 54"/>
          <p:cNvCxnSpPr>
            <a:cxnSpLocks/>
          </p:cNvCxnSpPr>
          <p:nvPr/>
        </p:nvCxnSpPr>
        <p:spPr>
          <a:xfrm>
            <a:off x="6270852" y="3191605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6" name="Straight Connector 55"/>
          <p:cNvCxnSpPr>
            <a:cxnSpLocks/>
          </p:cNvCxnSpPr>
          <p:nvPr/>
        </p:nvCxnSpPr>
        <p:spPr>
          <a:xfrm>
            <a:off x="6270852" y="3524344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7" name="Straight Connector 56"/>
          <p:cNvCxnSpPr>
            <a:cxnSpLocks/>
          </p:cNvCxnSpPr>
          <p:nvPr/>
        </p:nvCxnSpPr>
        <p:spPr>
          <a:xfrm>
            <a:off x="6270852" y="3857083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8" name="Straight Connector 57"/>
          <p:cNvCxnSpPr>
            <a:cxnSpLocks/>
          </p:cNvCxnSpPr>
          <p:nvPr/>
        </p:nvCxnSpPr>
        <p:spPr>
          <a:xfrm>
            <a:off x="6270852" y="4189822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9" name="Straight Connector 58"/>
          <p:cNvCxnSpPr>
            <a:cxnSpLocks/>
          </p:cNvCxnSpPr>
          <p:nvPr/>
        </p:nvCxnSpPr>
        <p:spPr>
          <a:xfrm>
            <a:off x="6270852" y="4522561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Straight Connector 59"/>
          <p:cNvCxnSpPr>
            <a:cxnSpLocks/>
          </p:cNvCxnSpPr>
          <p:nvPr/>
        </p:nvCxnSpPr>
        <p:spPr>
          <a:xfrm>
            <a:off x="6270852" y="4855300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1" name="Straight Connector 60"/>
          <p:cNvCxnSpPr>
            <a:cxnSpLocks/>
          </p:cNvCxnSpPr>
          <p:nvPr/>
        </p:nvCxnSpPr>
        <p:spPr>
          <a:xfrm>
            <a:off x="6270852" y="5188039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TextBox 75">
            <a:extLst>
              <a:ext uri="{FF2B5EF4-FFF2-40B4-BE49-F238E27FC236}">
                <a16:creationId xmlns:a16="http://schemas.microsoft.com/office/drawing/2014/main" id="{DF4723EA-1108-4B01-BE2D-4ECE9E9CC85C}"/>
              </a:ext>
            </a:extLst>
          </p:cNvPr>
          <p:cNvSpPr txBox="1"/>
          <p:nvPr/>
        </p:nvSpPr>
        <p:spPr>
          <a:xfrm>
            <a:off x="1562933" y="3512552"/>
            <a:ext cx="163194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XD</a:t>
            </a:r>
          </a:p>
        </p:txBody>
      </p:sp>
      <p:cxnSp>
        <p:nvCxnSpPr>
          <p:cNvPr id="108" name="Straight Connector 107">
            <a:extLst>
              <a:ext uri="{FF2B5EF4-FFF2-40B4-BE49-F238E27FC236}">
                <a16:creationId xmlns:a16="http://schemas.microsoft.com/office/drawing/2014/main" id="{6526ED36-5A49-46CC-855B-24BCAB49A746}"/>
              </a:ext>
            </a:extLst>
          </p:cNvPr>
          <p:cNvCxnSpPr/>
          <p:nvPr/>
        </p:nvCxnSpPr>
        <p:spPr>
          <a:xfrm>
            <a:off x="1634280" y="552077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1" name="Straight Connector 110">
            <a:extLst>
              <a:ext uri="{FF2B5EF4-FFF2-40B4-BE49-F238E27FC236}">
                <a16:creationId xmlns:a16="http://schemas.microsoft.com/office/drawing/2014/main" id="{B225AF2A-45F2-40EE-9220-53D17F3141BD}"/>
              </a:ext>
            </a:extLst>
          </p:cNvPr>
          <p:cNvCxnSpPr>
            <a:cxnSpLocks/>
          </p:cNvCxnSpPr>
          <p:nvPr/>
        </p:nvCxnSpPr>
        <p:spPr>
          <a:xfrm>
            <a:off x="6270852" y="552077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3" name="Straight Connector 112">
            <a:extLst>
              <a:ext uri="{FF2B5EF4-FFF2-40B4-BE49-F238E27FC236}">
                <a16:creationId xmlns:a16="http://schemas.microsoft.com/office/drawing/2014/main" id="{CBCF3B35-8A6F-49E0-B481-941249F3732D}"/>
              </a:ext>
            </a:extLst>
          </p:cNvPr>
          <p:cNvCxnSpPr/>
          <p:nvPr/>
        </p:nvCxnSpPr>
        <p:spPr>
          <a:xfrm>
            <a:off x="1647928" y="585351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4" name="TextBox 113">
            <a:extLst>
              <a:ext uri="{FF2B5EF4-FFF2-40B4-BE49-F238E27FC236}">
                <a16:creationId xmlns:a16="http://schemas.microsoft.com/office/drawing/2014/main" id="{FE604AAF-56AA-4929-91A1-8DC11E74E5A3}"/>
              </a:ext>
            </a:extLst>
          </p:cNvPr>
          <p:cNvSpPr txBox="1"/>
          <p:nvPr/>
        </p:nvSpPr>
        <p:spPr>
          <a:xfrm>
            <a:off x="1572951" y="5524210"/>
            <a:ext cx="165624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HTML5</a:t>
            </a:r>
            <a:endParaRPr lang="en-IN" sz="1600" dirty="0"/>
          </a:p>
        </p:txBody>
      </p:sp>
      <p:sp>
        <p:nvSpPr>
          <p:cNvPr id="115" name="TextBox 114">
            <a:extLst>
              <a:ext uri="{FF2B5EF4-FFF2-40B4-BE49-F238E27FC236}">
                <a16:creationId xmlns:a16="http://schemas.microsoft.com/office/drawing/2014/main" id="{F31A2701-BDBE-454B-B3C7-7D47B3915271}"/>
              </a:ext>
            </a:extLst>
          </p:cNvPr>
          <p:cNvSpPr txBox="1"/>
          <p:nvPr/>
        </p:nvSpPr>
        <p:spPr>
          <a:xfrm>
            <a:off x="6232752" y="5524210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sz="1600" dirty="0">
                <a:solidFill>
                  <a:schemeClr val="dk1"/>
                </a:solidFill>
              </a:rPr>
              <a:t>Advanced</a:t>
            </a:r>
            <a:endParaRPr lang="en-IN" sz="1600" dirty="0"/>
          </a:p>
        </p:txBody>
      </p:sp>
      <p:cxnSp>
        <p:nvCxnSpPr>
          <p:cNvPr id="116" name="Straight Connector 115">
            <a:extLst>
              <a:ext uri="{FF2B5EF4-FFF2-40B4-BE49-F238E27FC236}">
                <a16:creationId xmlns:a16="http://schemas.microsoft.com/office/drawing/2014/main" id="{FEC75698-4060-4CDB-BBCE-88ED6F30981F}"/>
              </a:ext>
            </a:extLst>
          </p:cNvPr>
          <p:cNvCxnSpPr>
            <a:cxnSpLocks/>
          </p:cNvCxnSpPr>
          <p:nvPr/>
        </p:nvCxnSpPr>
        <p:spPr>
          <a:xfrm>
            <a:off x="6284500" y="585351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8" name="Straight Connector 117">
            <a:extLst>
              <a:ext uri="{FF2B5EF4-FFF2-40B4-BE49-F238E27FC236}">
                <a16:creationId xmlns:a16="http://schemas.microsoft.com/office/drawing/2014/main" id="{764414FD-301A-484F-883E-E6DAB08CD019}"/>
              </a:ext>
            </a:extLst>
          </p:cNvPr>
          <p:cNvCxnSpPr/>
          <p:nvPr/>
        </p:nvCxnSpPr>
        <p:spPr>
          <a:xfrm>
            <a:off x="1622528" y="618625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9" name="TextBox 118">
            <a:extLst>
              <a:ext uri="{FF2B5EF4-FFF2-40B4-BE49-F238E27FC236}">
                <a16:creationId xmlns:a16="http://schemas.microsoft.com/office/drawing/2014/main" id="{3F4577BC-DBB8-4D7E-A312-F6BE0BB119FF}"/>
              </a:ext>
            </a:extLst>
          </p:cNvPr>
          <p:cNvSpPr txBox="1"/>
          <p:nvPr/>
        </p:nvSpPr>
        <p:spPr>
          <a:xfrm>
            <a:off x="1572951" y="5857297"/>
            <a:ext cx="165624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CSS</a:t>
            </a:r>
            <a:endParaRPr lang="en-IN" sz="1600" dirty="0"/>
          </a:p>
        </p:txBody>
      </p:sp>
      <p:sp>
        <p:nvSpPr>
          <p:cNvPr id="120" name="TextBox 119">
            <a:extLst>
              <a:ext uri="{FF2B5EF4-FFF2-40B4-BE49-F238E27FC236}">
                <a16:creationId xmlns:a16="http://schemas.microsoft.com/office/drawing/2014/main" id="{EFFA8BEA-6B83-4E6A-8C88-91F2B58EB414}"/>
              </a:ext>
            </a:extLst>
          </p:cNvPr>
          <p:cNvSpPr txBox="1"/>
          <p:nvPr/>
        </p:nvSpPr>
        <p:spPr>
          <a:xfrm>
            <a:off x="6232752" y="4843145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cxnSp>
        <p:nvCxnSpPr>
          <p:cNvPr id="121" name="Straight Connector 120">
            <a:extLst>
              <a:ext uri="{FF2B5EF4-FFF2-40B4-BE49-F238E27FC236}">
                <a16:creationId xmlns:a16="http://schemas.microsoft.com/office/drawing/2014/main" id="{C74D62F8-C710-46B0-8433-3F9B7B1E93FB}"/>
              </a:ext>
            </a:extLst>
          </p:cNvPr>
          <p:cNvCxnSpPr>
            <a:cxnSpLocks/>
          </p:cNvCxnSpPr>
          <p:nvPr/>
        </p:nvCxnSpPr>
        <p:spPr>
          <a:xfrm>
            <a:off x="6259100" y="618625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63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245021" y="1901036"/>
            <a:ext cx="272557" cy="2671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4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244815" y="2234725"/>
            <a:ext cx="272968" cy="2671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5" name="Picture 2"/>
          <p:cNvPicPr>
            <a:picLocks noChangeAspect="1" noChangeArrowheads="1"/>
          </p:cNvPicPr>
          <p:nvPr/>
        </p:nvPicPr>
        <p:blipFill>
          <a:blip r:embed="rId5"/>
          <a:srcRect/>
          <a:stretch/>
        </p:blipFill>
        <p:spPr bwMode="auto">
          <a:xfrm>
            <a:off x="1227198" y="2561967"/>
            <a:ext cx="287576" cy="281799"/>
          </a:xfrm>
          <a:prstGeom prst="rect">
            <a:avLst/>
          </a:prstGeom>
          <a:noFill/>
          <a:ln>
            <a:solidFill>
              <a:schemeClr val="accent2"/>
            </a:solidFill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5" name="Picture 74">
            <a:extLst>
              <a:ext uri="{FF2B5EF4-FFF2-40B4-BE49-F238E27FC236}">
                <a16:creationId xmlns:a16="http://schemas.microsoft.com/office/drawing/2014/main" id="{E513008B-3EF3-49B6-B11C-99C7818E18DD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1244815" y="3551589"/>
            <a:ext cx="267161" cy="260481"/>
          </a:xfrm>
          <a:prstGeom prst="rect">
            <a:avLst/>
          </a:prstGeom>
        </p:spPr>
      </p:pic>
      <p:pic>
        <p:nvPicPr>
          <p:cNvPr id="78" name="Picture 77" descr="A picture containing light, close&#10;&#10;Description automatically generated">
            <a:extLst>
              <a:ext uri="{FF2B5EF4-FFF2-40B4-BE49-F238E27FC236}">
                <a16:creationId xmlns:a16="http://schemas.microsoft.com/office/drawing/2014/main" id="{605367D3-9F20-44AE-9F1E-0C074ED69AEF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267097" y="2890981"/>
            <a:ext cx="259802" cy="259802"/>
          </a:xfrm>
          <a:prstGeom prst="rect">
            <a:avLst/>
          </a:prstGeom>
        </p:spPr>
      </p:pic>
      <p:pic>
        <p:nvPicPr>
          <p:cNvPr id="81" name="Picture 80">
            <a:extLst>
              <a:ext uri="{FF2B5EF4-FFF2-40B4-BE49-F238E27FC236}">
                <a16:creationId xmlns:a16="http://schemas.microsoft.com/office/drawing/2014/main" id="{D47860D0-CF4D-4D56-B530-C7C63740DD53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1251723" y="3888942"/>
            <a:ext cx="271773" cy="265431"/>
          </a:xfrm>
          <a:prstGeom prst="rect">
            <a:avLst/>
          </a:prstGeom>
        </p:spPr>
      </p:pic>
      <p:pic>
        <p:nvPicPr>
          <p:cNvPr id="82" name="Picture 2" descr="D:\APTARA_WFH\02-02-2022\Used Images\MS Office.jpg">
            <a:extLst>
              <a:ext uri="{FF2B5EF4-FFF2-40B4-BE49-F238E27FC236}">
                <a16:creationId xmlns:a16="http://schemas.microsoft.com/office/drawing/2014/main" id="{82DFBB52-AA92-4410-B48F-738BBA0C066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64271" y="3230055"/>
            <a:ext cx="273392" cy="2671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5" name="Picture 2">
            <a:extLst>
              <a:ext uri="{FF2B5EF4-FFF2-40B4-BE49-F238E27FC236}">
                <a16:creationId xmlns:a16="http://schemas.microsoft.com/office/drawing/2014/main" id="{47156429-F323-4B74-851A-B3172ADC5B7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254735" y="4904199"/>
            <a:ext cx="265652" cy="2518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2" name="Picture 121">
            <a:extLst>
              <a:ext uri="{FF2B5EF4-FFF2-40B4-BE49-F238E27FC236}">
                <a16:creationId xmlns:a16="http://schemas.microsoft.com/office/drawing/2014/main" id="{0E200A36-5302-400B-A48A-44C149C9E974}"/>
              </a:ext>
            </a:extLst>
          </p:cNvPr>
          <p:cNvPicPr>
            <a:picLocks noChangeAspect="1"/>
          </p:cNvPicPr>
          <p:nvPr/>
        </p:nvPicPr>
        <p:blipFill>
          <a:blip r:embed="rId11"/>
          <a:srcRect/>
          <a:stretch/>
        </p:blipFill>
        <p:spPr>
          <a:xfrm>
            <a:off x="1276971" y="5889034"/>
            <a:ext cx="194521" cy="275081"/>
          </a:xfrm>
          <a:prstGeom prst="rect">
            <a:avLst/>
          </a:prstGeom>
        </p:spPr>
      </p:pic>
      <p:pic>
        <p:nvPicPr>
          <p:cNvPr id="129" name="Picture 128">
            <a:extLst>
              <a:ext uri="{FF2B5EF4-FFF2-40B4-BE49-F238E27FC236}">
                <a16:creationId xmlns:a16="http://schemas.microsoft.com/office/drawing/2014/main" id="{ECDCDB72-B6F4-44AD-ABF0-996E0BB99BAD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/>
          <a:stretch/>
        </p:blipFill>
        <p:spPr>
          <a:xfrm>
            <a:off x="1292893" y="5552907"/>
            <a:ext cx="198820" cy="281160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214433D1-876D-46E5-2D19-2EC33EE6E2DD}"/>
              </a:ext>
            </a:extLst>
          </p:cNvPr>
          <p:cNvSpPr txBox="1"/>
          <p:nvPr/>
        </p:nvSpPr>
        <p:spPr>
          <a:xfrm>
            <a:off x="1585499" y="5175596"/>
            <a:ext cx="2269273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Camtasia</a:t>
            </a:r>
            <a:endParaRPr lang="en-IN" sz="1600" dirty="0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FCCBCD61-2129-7211-B7FC-F95A790DC67A}"/>
              </a:ext>
            </a:extLst>
          </p:cNvPr>
          <p:cNvPicPr>
            <a:picLocks noChangeAspect="1"/>
          </p:cNvPicPr>
          <p:nvPr/>
        </p:nvPicPr>
        <p:blipFill>
          <a:blip r:embed="rId13"/>
          <a:srcRect/>
          <a:stretch/>
        </p:blipFill>
        <p:spPr>
          <a:xfrm>
            <a:off x="1264271" y="5208337"/>
            <a:ext cx="271773" cy="273073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35700224-95CA-1411-9AA6-A268CFE3BB5B}"/>
              </a:ext>
            </a:extLst>
          </p:cNvPr>
          <p:cNvSpPr txBox="1"/>
          <p:nvPr/>
        </p:nvSpPr>
        <p:spPr>
          <a:xfrm>
            <a:off x="1580384" y="4188044"/>
            <a:ext cx="385027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 err="1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Vyond</a:t>
            </a:r>
            <a:endParaRPr lang="en-IN" sz="1600" dirty="0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9DF56D22-A2A9-F5D0-8845-4CAF71930636}"/>
              </a:ext>
            </a:extLst>
          </p:cNvPr>
          <p:cNvSpPr txBox="1"/>
          <p:nvPr/>
        </p:nvSpPr>
        <p:spPr>
          <a:xfrm>
            <a:off x="6240185" y="4188044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Intermediate</a:t>
            </a:r>
            <a:endParaRPr lang="en-IN" sz="1600" dirty="0"/>
          </a:p>
        </p:txBody>
      </p:sp>
      <p:pic>
        <p:nvPicPr>
          <p:cNvPr id="14" name="Picture 2">
            <a:extLst>
              <a:ext uri="{FF2B5EF4-FFF2-40B4-BE49-F238E27FC236}">
                <a16:creationId xmlns:a16="http://schemas.microsoft.com/office/drawing/2014/main" id="{16B1FA51-A8A5-93BB-3528-2B8E1A5B3EB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4"/>
          <a:srcRect/>
          <a:stretch/>
        </p:blipFill>
        <p:spPr bwMode="auto">
          <a:xfrm>
            <a:off x="1256771" y="4567771"/>
            <a:ext cx="249055" cy="24357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6" name="Picture 2">
            <a:extLst>
              <a:ext uri="{FF2B5EF4-FFF2-40B4-BE49-F238E27FC236}">
                <a16:creationId xmlns:a16="http://schemas.microsoft.com/office/drawing/2014/main" id="{A70BE3A0-66E3-30AB-A028-C81E460970D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5"/>
          <a:srcRect/>
          <a:stretch/>
        </p:blipFill>
        <p:spPr bwMode="auto">
          <a:xfrm>
            <a:off x="1276095" y="4248711"/>
            <a:ext cx="251816" cy="2518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1" name="TextBox 20">
            <a:extLst>
              <a:ext uri="{FF2B5EF4-FFF2-40B4-BE49-F238E27FC236}">
                <a16:creationId xmlns:a16="http://schemas.microsoft.com/office/drawing/2014/main" id="{BF969766-E927-F3C6-22A6-10F9EE5B6A91}"/>
              </a:ext>
            </a:extLst>
          </p:cNvPr>
          <p:cNvSpPr txBox="1"/>
          <p:nvPr/>
        </p:nvSpPr>
        <p:spPr>
          <a:xfrm>
            <a:off x="1587817" y="4507225"/>
            <a:ext cx="385027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Captivate</a:t>
            </a:r>
          </a:p>
        </p:txBody>
      </p:sp>
      <p:sp>
        <p:nvSpPr>
          <p:cNvPr id="51" name="TextBox 50">
            <a:extLst>
              <a:ext uri="{FF2B5EF4-FFF2-40B4-BE49-F238E27FC236}">
                <a16:creationId xmlns:a16="http://schemas.microsoft.com/office/drawing/2014/main" id="{264C7EB8-8DF7-A630-52A4-6D2907C85828}"/>
              </a:ext>
            </a:extLst>
          </p:cNvPr>
          <p:cNvSpPr txBox="1"/>
          <p:nvPr/>
        </p:nvSpPr>
        <p:spPr>
          <a:xfrm>
            <a:off x="6240185" y="4509736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</p:spTree>
    <p:extLst>
      <p:ext uri="{BB962C8B-B14F-4D97-AF65-F5344CB8AC3E}">
        <p14:creationId xmlns:p14="http://schemas.microsoft.com/office/powerpoint/2010/main" val="34747081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Photoshop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6" name="Content Placeholder 17">
            <a:extLst>
              <a:ext uri="{FF2B5EF4-FFF2-40B4-BE49-F238E27FC236}">
                <a16:creationId xmlns:a16="http://schemas.microsoft.com/office/drawing/2014/main" id="{18A34E90-6472-40EF-A2E7-27C072192E60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Mockups created for storyline course using Photoshop.</a:t>
            </a:r>
          </a:p>
        </p:txBody>
      </p:sp>
      <p:pic>
        <p:nvPicPr>
          <p:cNvPr id="6" name="Picture 5" descr="A picture containing text, night sky, nature&#10;&#10;Description automatically generated">
            <a:extLst>
              <a:ext uri="{FF2B5EF4-FFF2-40B4-BE49-F238E27FC236}">
                <a16:creationId xmlns:a16="http://schemas.microsoft.com/office/drawing/2014/main" id="{D5E5EBBD-2989-C70C-D02A-8B729F5DF014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28073" y="1645734"/>
            <a:ext cx="4290302" cy="2523707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4" name="Picture 3" descr="Graphical user interface, website&#10;&#10;Description automatically generated">
            <a:extLst>
              <a:ext uri="{FF2B5EF4-FFF2-40B4-BE49-F238E27FC236}">
                <a16:creationId xmlns:a16="http://schemas.microsoft.com/office/drawing/2014/main" id="{4B4C4F27-824D-229B-0DC8-EC712DC9EAD4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531680" y="1977010"/>
            <a:ext cx="5144500" cy="3026177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9" name="Picture 8" descr="Graphical user interface, website&#10;&#10;Description automatically generated">
            <a:extLst>
              <a:ext uri="{FF2B5EF4-FFF2-40B4-BE49-F238E27FC236}">
                <a16:creationId xmlns:a16="http://schemas.microsoft.com/office/drawing/2014/main" id="{3EBCD9F8-86FF-C03D-3C36-F5F0677D4F9F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7337083" y="3885356"/>
            <a:ext cx="4512322" cy="2654307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711285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38" name="Content Placeholder 17"/>
          <p:cNvSpPr txBox="1">
            <a:spLocks/>
          </p:cNvSpPr>
          <p:nvPr/>
        </p:nvSpPr>
        <p:spPr>
          <a:xfrm>
            <a:off x="541610" y="1298928"/>
            <a:ext cx="11108780" cy="777675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50000"/>
              </a:lnSpc>
              <a:spcAft>
                <a:spcPts val="600"/>
              </a:spcAft>
              <a:buNone/>
              <a:defRPr/>
            </a:pP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1" name="Title 9">
            <a:extLst>
              <a:ext uri="{FF2B5EF4-FFF2-40B4-BE49-F238E27FC236}">
                <a16:creationId xmlns:a16="http://schemas.microsoft.com/office/drawing/2014/main" id="{4457108E-765E-4C3D-9A2F-D8206D49C96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657856" y="3108960"/>
            <a:ext cx="6876288" cy="640080"/>
          </a:xfrm>
        </p:spPr>
        <p:txBody>
          <a:bodyPr>
            <a:noAutofit/>
          </a:bodyPr>
          <a:lstStyle/>
          <a:p>
            <a:pPr algn="ctr"/>
            <a:r>
              <a:rPr lang="en-US" sz="4800" b="1" dirty="0">
                <a:solidFill>
                  <a:srgbClr val="0070C0"/>
                </a:solidFill>
                <a:latin typeface="Montserrat" panose="02000505000000020004" pitchFamily="2" charset="0"/>
                <a:cs typeface="Segoe UI Light" panose="020B0502040204020203" pitchFamily="34" charset="0"/>
              </a:rPr>
              <a:t>THANK YOU</a:t>
            </a:r>
          </a:p>
        </p:txBody>
      </p:sp>
      <p:pic>
        <p:nvPicPr>
          <p:cNvPr id="14" name="Picture 13" descr="Icon&#10;&#10;Description automatically generated">
            <a:extLst>
              <a:ext uri="{FF2B5EF4-FFF2-40B4-BE49-F238E27FC236}">
                <a16:creationId xmlns:a16="http://schemas.microsoft.com/office/drawing/2014/main" id="{DFC903FF-2F5E-4C6C-A5EA-D3517CE507D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604984" y="6226596"/>
            <a:ext cx="982033" cy="18624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617989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Photoshop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6" name="Content Placeholder 17">
            <a:extLst>
              <a:ext uri="{FF2B5EF4-FFF2-40B4-BE49-F238E27FC236}">
                <a16:creationId xmlns:a16="http://schemas.microsoft.com/office/drawing/2014/main" id="{18A34E90-6472-40EF-A2E7-27C072192E60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Mockups created for storyline course using Photoshop.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5E5EBBD-2989-C70C-D02A-8B729F5DF014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28073" y="1817497"/>
            <a:ext cx="7007295" cy="393968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4B4C4F27-824D-229B-0DC8-EC712DC9EAD4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7840641" y="1852984"/>
            <a:ext cx="3275774" cy="1841723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3EBCD9F8-86FF-C03D-3C36-F5F0677D4F9F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7843513" y="3899144"/>
            <a:ext cx="3319017" cy="1866036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8936099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Photoshop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6" name="Content Placeholder 17">
            <a:extLst>
              <a:ext uri="{FF2B5EF4-FFF2-40B4-BE49-F238E27FC236}">
                <a16:creationId xmlns:a16="http://schemas.microsoft.com/office/drawing/2014/main" id="{18A34E90-6472-40EF-A2E7-27C072192E60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Mockups created for HTML course using Photoshop.</a:t>
            </a:r>
          </a:p>
        </p:txBody>
      </p:sp>
      <p:pic>
        <p:nvPicPr>
          <p:cNvPr id="12" name="Picture 11" descr="Diagram&#10;&#10;Description automatically generated">
            <a:extLst>
              <a:ext uri="{FF2B5EF4-FFF2-40B4-BE49-F238E27FC236}">
                <a16:creationId xmlns:a16="http://schemas.microsoft.com/office/drawing/2014/main" id="{7ACC910D-59C4-60E0-D8A1-D3EF357A00A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28073" y="1896720"/>
            <a:ext cx="7454628" cy="4191182"/>
          </a:xfrm>
          <a:prstGeom prst="rect">
            <a:avLst/>
          </a:prstGeom>
        </p:spPr>
      </p:pic>
      <p:pic>
        <p:nvPicPr>
          <p:cNvPr id="14" name="Picture 13" descr="Diagram&#10;&#10;Description automatically generated">
            <a:extLst>
              <a:ext uri="{FF2B5EF4-FFF2-40B4-BE49-F238E27FC236}">
                <a16:creationId xmlns:a16="http://schemas.microsoft.com/office/drawing/2014/main" id="{37A71B03-0610-2C25-165B-441E1876BC40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952811" y="4081472"/>
            <a:ext cx="3765745" cy="2117198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16" name="Picture 15" descr="A picture containing timeline&#10;&#10;Description automatically generated">
            <a:extLst>
              <a:ext uri="{FF2B5EF4-FFF2-40B4-BE49-F238E27FC236}">
                <a16:creationId xmlns:a16="http://schemas.microsoft.com/office/drawing/2014/main" id="{F3548343-AB2B-F741-6EDF-73180513A16E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951165" y="1785027"/>
            <a:ext cx="3767391" cy="2118123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853613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Photoshop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6" name="Content Placeholder 17">
            <a:extLst>
              <a:ext uri="{FF2B5EF4-FFF2-40B4-BE49-F238E27FC236}">
                <a16:creationId xmlns:a16="http://schemas.microsoft.com/office/drawing/2014/main" id="{18A34E90-6472-40EF-A2E7-27C072192E60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Mockups created for HTML course using Photoshop.</a:t>
            </a:r>
          </a:p>
        </p:txBody>
      </p:sp>
      <p:pic>
        <p:nvPicPr>
          <p:cNvPr id="4" name="Picture 3" descr="A screenshot of a computer&#10;&#10;Description automatically generated with low confidence">
            <a:extLst>
              <a:ext uri="{FF2B5EF4-FFF2-40B4-BE49-F238E27FC236}">
                <a16:creationId xmlns:a16="http://schemas.microsoft.com/office/drawing/2014/main" id="{2FD3F513-199C-20DF-BF8D-43690DEA27B6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118334" y="1695443"/>
            <a:ext cx="7553187" cy="4246594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20" name="Picture 19" descr="A screenshot of a video game&#10;&#10;Description automatically generated with medium confidence">
            <a:extLst>
              <a:ext uri="{FF2B5EF4-FFF2-40B4-BE49-F238E27FC236}">
                <a16:creationId xmlns:a16="http://schemas.microsoft.com/office/drawing/2014/main" id="{E114492C-9FED-9B2C-D234-13C4EC8CECCD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28073" y="3855839"/>
            <a:ext cx="3490261" cy="1972482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10" name="Picture 9" descr="A picture containing graphical user interface&#10;&#10;Description automatically generated">
            <a:extLst>
              <a:ext uri="{FF2B5EF4-FFF2-40B4-BE49-F238E27FC236}">
                <a16:creationId xmlns:a16="http://schemas.microsoft.com/office/drawing/2014/main" id="{EC94227B-2217-E72F-CDA6-71325CF95EFE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28073" y="1804787"/>
            <a:ext cx="3490261" cy="1962314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428620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ILT Design in PowerPoint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587552"/>
            <a:ext cx="2823064" cy="95410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Microsoft PowerPoint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Illustrator</a:t>
            </a:r>
          </a:p>
        </p:txBody>
      </p:sp>
      <p:sp>
        <p:nvSpPr>
          <p:cNvPr id="56" name="Content Placeholder 17">
            <a:extLst>
              <a:ext uri="{FF2B5EF4-FFF2-40B4-BE49-F238E27FC236}">
                <a16:creationId xmlns:a16="http://schemas.microsoft.com/office/drawing/2014/main" id="{18A34E90-6472-40EF-A2E7-27C072192E60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5622019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ILT created using the tools mentioned below.</a:t>
            </a:r>
          </a:p>
        </p:txBody>
      </p:sp>
      <p:pic>
        <p:nvPicPr>
          <p:cNvPr id="62" name="Picture 61">
            <a:extLst>
              <a:ext uri="{FF2B5EF4-FFF2-40B4-BE49-F238E27FC236}">
                <a16:creationId xmlns:a16="http://schemas.microsoft.com/office/drawing/2014/main" id="{B446C9F4-2449-4B32-8591-52504685D434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5238" r="9343" b="10217"/>
          <a:stretch/>
        </p:blipFill>
        <p:spPr>
          <a:xfrm>
            <a:off x="5789370" y="2170851"/>
            <a:ext cx="6142971" cy="4301846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04E78955-33ED-FC04-5BB9-67CCF41ADE18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073754" y="2966172"/>
            <a:ext cx="3882101" cy="2185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8058B030-08D2-FE82-03FD-9BC98FB954E9}"/>
              </a:ext>
            </a:extLst>
          </p:cNvPr>
          <p:cNvGrpSpPr/>
          <p:nvPr/>
        </p:nvGrpSpPr>
        <p:grpSpPr>
          <a:xfrm>
            <a:off x="641976" y="2646985"/>
            <a:ext cx="5753110" cy="3263610"/>
            <a:chOff x="628073" y="2536555"/>
            <a:chExt cx="5452613" cy="3093145"/>
          </a:xfrm>
        </p:grpSpPr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9CBC2C33-92F7-7870-B4ED-5E6991AFBC84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628073" y="2536555"/>
              <a:ext cx="2709724" cy="1525679"/>
            </a:xfrm>
            <a:prstGeom prst="rect">
              <a:avLst/>
            </a:prstGeom>
          </p:spPr>
        </p:pic>
        <p:pic>
          <p:nvPicPr>
            <p:cNvPr id="12" name="Picture 11">
              <a:extLst>
                <a:ext uri="{FF2B5EF4-FFF2-40B4-BE49-F238E27FC236}">
                  <a16:creationId xmlns:a16="http://schemas.microsoft.com/office/drawing/2014/main" id="{F0742A56-618B-2881-DB6F-A7C1C63CEB20}"/>
                </a:ext>
              </a:extLst>
            </p:cNvPr>
            <p:cNvPicPr>
              <a:picLocks noChangeAspect="1"/>
            </p:cNvPicPr>
            <p:nvPr/>
          </p:nvPicPr>
          <p:blipFill>
            <a:blip r:embed="rId9"/>
            <a:stretch>
              <a:fillRect/>
            </a:stretch>
          </p:blipFill>
          <p:spPr>
            <a:xfrm>
              <a:off x="628073" y="4096901"/>
              <a:ext cx="2709724" cy="1525679"/>
            </a:xfrm>
            <a:prstGeom prst="rect">
              <a:avLst/>
            </a:prstGeom>
          </p:spPr>
        </p:pic>
        <p:pic>
          <p:nvPicPr>
            <p:cNvPr id="14" name="Picture 13">
              <a:extLst>
                <a:ext uri="{FF2B5EF4-FFF2-40B4-BE49-F238E27FC236}">
                  <a16:creationId xmlns:a16="http://schemas.microsoft.com/office/drawing/2014/main" id="{DFE599C0-259D-3F29-D788-0BD02CAA24A9}"/>
                </a:ext>
              </a:extLst>
            </p:cNvPr>
            <p:cNvPicPr>
              <a:picLocks noChangeAspect="1"/>
            </p:cNvPicPr>
            <p:nvPr/>
          </p:nvPicPr>
          <p:blipFill>
            <a:blip r:embed="rId10"/>
            <a:stretch>
              <a:fillRect/>
            </a:stretch>
          </p:blipFill>
          <p:spPr>
            <a:xfrm>
              <a:off x="3370962" y="2541422"/>
              <a:ext cx="2709724" cy="1525679"/>
            </a:xfrm>
            <a:prstGeom prst="rect">
              <a:avLst/>
            </a:prstGeom>
          </p:spPr>
        </p:pic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2B1EC439-6983-ABD2-A022-8F9F8F5FB9F1}"/>
                </a:ext>
              </a:extLst>
            </p:cNvPr>
            <p:cNvPicPr>
              <a:picLocks noChangeAspect="1"/>
            </p:cNvPicPr>
            <p:nvPr/>
          </p:nvPicPr>
          <p:blipFill>
            <a:blip r:embed="rId11"/>
            <a:stretch>
              <a:fillRect/>
            </a:stretch>
          </p:blipFill>
          <p:spPr>
            <a:xfrm>
              <a:off x="3370962" y="4104021"/>
              <a:ext cx="2709724" cy="1525679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2066689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832322"/>
            <a:ext cx="2823064" cy="95410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Camtasia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925615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WCAG storyline course  is created using the tools mentioned below.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B334C31-62DF-C8BD-DCD2-BCECA5FCDC1F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6902" t="5325" r="8015" b="3494"/>
          <a:stretch/>
        </p:blipFill>
        <p:spPr>
          <a:xfrm>
            <a:off x="6202987" y="1832322"/>
            <a:ext cx="5423119" cy="3872086"/>
          </a:xfrm>
          <a:prstGeom prst="rect">
            <a:avLst/>
          </a:prstGeom>
          <a:ln>
            <a:noFill/>
          </a:ln>
        </p:spPr>
      </p:pic>
      <p:sp>
        <p:nvSpPr>
          <p:cNvPr id="17" name="Rectangle 16">
            <a:extLst>
              <a:ext uri="{FF2B5EF4-FFF2-40B4-BE49-F238E27FC236}">
                <a16:creationId xmlns:a16="http://schemas.microsoft.com/office/drawing/2014/main" id="{B9568F7F-19A7-96CF-7134-8197F186DA9B}"/>
              </a:ext>
            </a:extLst>
          </p:cNvPr>
          <p:cNvSpPr/>
          <p:nvPr/>
        </p:nvSpPr>
        <p:spPr>
          <a:xfrm>
            <a:off x="7233342" y="2223932"/>
            <a:ext cx="3453655" cy="2151473"/>
          </a:xfrm>
          <a:prstGeom prst="rect">
            <a:avLst/>
          </a:prstGeom>
          <a:solidFill>
            <a:schemeClr val="tx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16" name="Picture 15" descr="A person sitting at a desk with a computer&#10;&#10;Description automatically generated">
            <a:extLst>
              <a:ext uri="{FF2B5EF4-FFF2-40B4-BE49-F238E27FC236}">
                <a16:creationId xmlns:a16="http://schemas.microsoft.com/office/drawing/2014/main" id="{302DE325-24FD-E2E5-8E75-BDE840048F6A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704903" y="2214053"/>
            <a:ext cx="4157854" cy="2338231"/>
          </a:xfrm>
          <a:prstGeom prst="rect">
            <a:avLst/>
          </a:prstGeom>
        </p:spPr>
      </p:pic>
      <p:pic>
        <p:nvPicPr>
          <p:cNvPr id="10" name="Picture 9" descr="A person looking at a computer&#10;&#10;Description automatically generated">
            <a:extLst>
              <a:ext uri="{FF2B5EF4-FFF2-40B4-BE49-F238E27FC236}">
                <a16:creationId xmlns:a16="http://schemas.microsoft.com/office/drawing/2014/main" id="{1413179C-800B-8198-5DBC-2C2BA235E019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28073" y="4230867"/>
            <a:ext cx="3847171" cy="2163513"/>
          </a:xfrm>
          <a:prstGeom prst="rect">
            <a:avLst/>
          </a:prstGeom>
        </p:spPr>
      </p:pic>
      <p:pic>
        <p:nvPicPr>
          <p:cNvPr id="13" name="Picture 12" descr="A screenshot of a computer&#10;&#10;Description automatically generated">
            <a:extLst>
              <a:ext uri="{FF2B5EF4-FFF2-40B4-BE49-F238E27FC236}">
                <a16:creationId xmlns:a16="http://schemas.microsoft.com/office/drawing/2014/main" id="{2D513746-BE1C-1EBE-5DE0-0C9110A40CCC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7240017" y="2332315"/>
            <a:ext cx="3440304" cy="193470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5561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832322"/>
            <a:ext cx="2823064" cy="116955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Storyline 2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Illustrator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Sound Forge 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925615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storyline course  is created using the tools mentioned below.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B334C31-62DF-C8BD-DCD2-BCECA5FCDC1F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6902" t="5325" r="8015" b="3494"/>
          <a:stretch/>
        </p:blipFill>
        <p:spPr>
          <a:xfrm>
            <a:off x="6202987" y="1832322"/>
            <a:ext cx="5423119" cy="3872086"/>
          </a:xfrm>
          <a:prstGeom prst="rect">
            <a:avLst/>
          </a:prstGeom>
          <a:ln>
            <a:noFill/>
          </a:ln>
        </p:spPr>
      </p:pic>
      <p:sp>
        <p:nvSpPr>
          <p:cNvPr id="17" name="Rectangle 16">
            <a:extLst>
              <a:ext uri="{FF2B5EF4-FFF2-40B4-BE49-F238E27FC236}">
                <a16:creationId xmlns:a16="http://schemas.microsoft.com/office/drawing/2014/main" id="{B9568F7F-19A7-96CF-7134-8197F186DA9B}"/>
              </a:ext>
            </a:extLst>
          </p:cNvPr>
          <p:cNvSpPr/>
          <p:nvPr/>
        </p:nvSpPr>
        <p:spPr>
          <a:xfrm>
            <a:off x="7233342" y="2223932"/>
            <a:ext cx="3453655" cy="2151473"/>
          </a:xfrm>
          <a:prstGeom prst="rect">
            <a:avLst/>
          </a:prstGeom>
          <a:solidFill>
            <a:schemeClr val="tx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959D39EB-6BA5-83A4-7FA8-26CAF3C5576E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242137" y="2267386"/>
            <a:ext cx="3436064" cy="2083615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0F48D7F9-B2D4-820F-A8ED-ABE41C4152DB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551131" y="1832322"/>
            <a:ext cx="3436064" cy="2083615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00B2D5D3-6FB4-7C16-D718-29E042CF0A83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473520" y="3326319"/>
            <a:ext cx="3984695" cy="2416303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FA40E3E-9321-210C-2A5D-F93EF61C57EB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2766923" y="4492306"/>
            <a:ext cx="3436064" cy="208361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834796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57581"/>
            <a:ext cx="10460829" cy="640080"/>
          </a:xfrm>
        </p:spPr>
        <p:txBody>
          <a:bodyPr>
            <a:noAutofit/>
          </a:bodyPr>
          <a:lstStyle/>
          <a:p>
            <a:b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</a:br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review link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3" name="Content Placeholder 17">
            <a:extLst>
              <a:ext uri="{FF2B5EF4-FFF2-40B4-BE49-F238E27FC236}">
                <a16:creationId xmlns:a16="http://schemas.microsoft.com/office/drawing/2014/main" id="{82CD217B-1DDD-4FF4-8B3E-410D7355E683}"/>
              </a:ext>
            </a:extLst>
          </p:cNvPr>
          <p:cNvSpPr txBox="1">
            <a:spLocks/>
          </p:cNvSpPr>
          <p:nvPr/>
        </p:nvSpPr>
        <p:spPr>
          <a:xfrm>
            <a:off x="541609" y="1829147"/>
            <a:ext cx="2823064" cy="95410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XD</a:t>
            </a:r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37E60C02-069D-4049-BF73-583E6C5D947C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56" name="Group 55">
              <a:extLst>
                <a:ext uri="{FF2B5EF4-FFF2-40B4-BE49-F238E27FC236}">
                  <a16:creationId xmlns:a16="http://schemas.microsoft.com/office/drawing/2014/main" id="{A23EAB68-35D3-470C-A83B-F38F1DAB771F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7" name="Rectangle: Top Corners Rounded 56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B7EF88A3-658A-4DAB-8138-421883C6D561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8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id="{32E519DC-E144-4E40-9312-358C31F6BCEB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59" name="Group 58">
              <a:extLst>
                <a:ext uri="{FF2B5EF4-FFF2-40B4-BE49-F238E27FC236}">
                  <a16:creationId xmlns:a16="http://schemas.microsoft.com/office/drawing/2014/main" id="{3B506429-29C4-4B41-9DDA-71B5232080CD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60" name="Rectangle: Top Corners Rounded 5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EF5C904F-44F6-4AD5-BC94-BEF999BE2F7F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61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4F3D2E5B-8C4C-455B-8F04-6C5E554F7076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2" name="Group 1">
              <a:extLst>
                <a:ext uri="{FF2B5EF4-FFF2-40B4-BE49-F238E27FC236}">
                  <a16:creationId xmlns:a16="http://schemas.microsoft.com/office/drawing/2014/main" id="{7AE8D3EB-C630-42F4-AEF5-AFE92480B186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42" name="Group 41">
                <a:extLst>
                  <a:ext uri="{FF2B5EF4-FFF2-40B4-BE49-F238E27FC236}">
                    <a16:creationId xmlns:a16="http://schemas.microsoft.com/office/drawing/2014/main" id="{B87B67E4-0FE4-4E64-80C5-E40D148BC0DA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43" name="Rectangle: Top Corners Rounded 42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id="{0218522C-8E88-40C8-BB08-36039011D05A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44" name="Group 76">
                  <a:extLst>
                    <a:ext uri="{FF2B5EF4-FFF2-40B4-BE49-F238E27FC236}">
                      <a16:creationId xmlns:a16="http://schemas.microsoft.com/office/drawing/2014/main" id="{262D1155-C347-422A-AADD-946833D0C63C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5" name="Freeform 78">
                    <a:extLst>
                      <a:ext uri="{FF2B5EF4-FFF2-40B4-BE49-F238E27FC236}">
                        <a16:creationId xmlns:a16="http://schemas.microsoft.com/office/drawing/2014/main" id="{A51E3CA6-586A-40A5-AFF7-848E05D79EEB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79">
                    <a:extLst>
                      <a:ext uri="{FF2B5EF4-FFF2-40B4-BE49-F238E27FC236}">
                        <a16:creationId xmlns:a16="http://schemas.microsoft.com/office/drawing/2014/main" id="{F4DB7FB9-033B-465F-A04C-44D67B4D413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0">
                    <a:extLst>
                      <a:ext uri="{FF2B5EF4-FFF2-40B4-BE49-F238E27FC236}">
                        <a16:creationId xmlns:a16="http://schemas.microsoft.com/office/drawing/2014/main" id="{8AE3AAC3-69FF-49FA-96D6-BFD84DEB9EC9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Freeform 81">
                    <a:extLst>
                      <a:ext uri="{FF2B5EF4-FFF2-40B4-BE49-F238E27FC236}">
                        <a16:creationId xmlns:a16="http://schemas.microsoft.com/office/drawing/2014/main" id="{7334547B-51B5-4F52-B88E-140C55F597C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Freeform 82">
                    <a:extLst>
                      <a:ext uri="{FF2B5EF4-FFF2-40B4-BE49-F238E27FC236}">
                        <a16:creationId xmlns:a16="http://schemas.microsoft.com/office/drawing/2014/main" id="{DD14E603-E2A9-4B7A-BA86-A648CB016429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Freeform 83">
                    <a:extLst>
                      <a:ext uri="{FF2B5EF4-FFF2-40B4-BE49-F238E27FC236}">
                        <a16:creationId xmlns:a16="http://schemas.microsoft.com/office/drawing/2014/main" id="{411E29FE-F241-4C67-A853-7A3912FF41BA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1" name="Freeform 84">
                    <a:extLst>
                      <a:ext uri="{FF2B5EF4-FFF2-40B4-BE49-F238E27FC236}">
                        <a16:creationId xmlns:a16="http://schemas.microsoft.com/office/drawing/2014/main" id="{509461DF-0668-4CC0-B752-2F9719CB04DC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2" name="Rectangle 85">
                    <a:extLst>
                      <a:ext uri="{FF2B5EF4-FFF2-40B4-BE49-F238E27FC236}">
                        <a16:creationId xmlns:a16="http://schemas.microsoft.com/office/drawing/2014/main" id="{D3A0C7C9-BE0C-49BE-A1D5-FAEBDE917971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3" name="Rectangle 86">
                    <a:extLst>
                      <a:ext uri="{FF2B5EF4-FFF2-40B4-BE49-F238E27FC236}">
                        <a16:creationId xmlns:a16="http://schemas.microsoft.com/office/drawing/2014/main" id="{26959EEB-B246-40A7-A6EC-DBD5503B516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4" name="Rectangle 87">
                    <a:extLst>
                      <a:ext uri="{FF2B5EF4-FFF2-40B4-BE49-F238E27FC236}">
                        <a16:creationId xmlns:a16="http://schemas.microsoft.com/office/drawing/2014/main" id="{E307D18F-51DC-4C11-8B2C-38643F5DBD2E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5" name="Rectangle 88">
                    <a:extLst>
                      <a:ext uri="{FF2B5EF4-FFF2-40B4-BE49-F238E27FC236}">
                        <a16:creationId xmlns:a16="http://schemas.microsoft.com/office/drawing/2014/main" id="{18237F28-CB63-4CC6-8F73-6298295F31E5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64" name="Rectangle: Top Corners Rounded 63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B05B1177-D978-42B7-98FD-C2B7260613E2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pic>
        <p:nvPicPr>
          <p:cNvPr id="33" name="Picture 32">
            <a:extLst>
              <a:ext uri="{FF2B5EF4-FFF2-40B4-BE49-F238E27FC236}">
                <a16:creationId xmlns:a16="http://schemas.microsoft.com/office/drawing/2014/main" id="{074B9136-4AD5-4EDB-B7D8-F192C7AF3005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r="9735"/>
          <a:stretch/>
        </p:blipFill>
        <p:spPr>
          <a:xfrm>
            <a:off x="5734902" y="1955845"/>
            <a:ext cx="6184854" cy="4565061"/>
          </a:xfrm>
          <a:prstGeom prst="rect">
            <a:avLst/>
          </a:prstGeom>
        </p:spPr>
      </p:pic>
      <p:sp>
        <p:nvSpPr>
          <p:cNvPr id="34" name="Content Placeholder 17">
            <a:extLst>
              <a:ext uri="{FF2B5EF4-FFF2-40B4-BE49-F238E27FC236}">
                <a16:creationId xmlns:a16="http://schemas.microsoft.com/office/drawing/2014/main" id="{5B77C364-C0F1-403E-9F09-66D215413BFA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925615" cy="523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storyline course is created using the tools mentioned below.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62730560-EBD2-06FF-5E82-21262B5AAD19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3234278" y="2544482"/>
            <a:ext cx="3494415" cy="2470541"/>
          </a:xfrm>
          <a:prstGeom prst="rect">
            <a:avLst/>
          </a:prstGeom>
        </p:spPr>
      </p:pic>
      <p:sp>
        <p:nvSpPr>
          <p:cNvPr id="6" name="Content Placeholder 17">
            <a:extLst>
              <a:ext uri="{FF2B5EF4-FFF2-40B4-BE49-F238E27FC236}">
                <a16:creationId xmlns:a16="http://schemas.microsoft.com/office/drawing/2014/main" id="{7B1614EB-A255-F8B4-4AB6-9AE2C6C40C0B}"/>
              </a:ext>
            </a:extLst>
          </p:cNvPr>
          <p:cNvSpPr txBox="1">
            <a:spLocks/>
          </p:cNvSpPr>
          <p:nvPr/>
        </p:nvSpPr>
        <p:spPr>
          <a:xfrm>
            <a:off x="541609" y="2854709"/>
            <a:ext cx="2287316" cy="73866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ime based quizzes and scenario-based question and answers.</a:t>
            </a:r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9A4584C3-BEFB-F7CD-027D-D7AA69D5559C}"/>
              </a:ext>
            </a:extLst>
          </p:cNvPr>
          <p:cNvSpPr/>
          <p:nvPr/>
        </p:nvSpPr>
        <p:spPr>
          <a:xfrm>
            <a:off x="3583387" y="2729318"/>
            <a:ext cx="2819400" cy="1969490"/>
          </a:xfrm>
          <a:prstGeom prst="rect">
            <a:avLst/>
          </a:prstGeom>
          <a:solidFill>
            <a:schemeClr val="bg1">
              <a:lumMod val="75000"/>
            </a:schemeClr>
          </a:solidFill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 descr="A screenshot of a computer&#10;&#10;Description automatically generated">
            <a:extLst>
              <a:ext uri="{FF2B5EF4-FFF2-40B4-BE49-F238E27FC236}">
                <a16:creationId xmlns:a16="http://schemas.microsoft.com/office/drawing/2014/main" id="{5623BAD9-4A7B-A105-2C4A-1C88E6208F52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7315981" y="2792383"/>
            <a:ext cx="3673822" cy="2068885"/>
          </a:xfrm>
          <a:prstGeom prst="rect">
            <a:avLst/>
          </a:prstGeom>
        </p:spPr>
      </p:pic>
      <p:pic>
        <p:nvPicPr>
          <p:cNvPr id="11" name="Picture 10" descr="A person wearing a white coat holding a tablet&#10;&#10;Description automatically generated">
            <a:extLst>
              <a:ext uri="{FF2B5EF4-FFF2-40B4-BE49-F238E27FC236}">
                <a16:creationId xmlns:a16="http://schemas.microsoft.com/office/drawing/2014/main" id="{89CC411E-2BF4-F475-29F0-34909EB9858C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3599720" y="2941323"/>
            <a:ext cx="2793251" cy="1572998"/>
          </a:xfrm>
          <a:prstGeom prst="rect">
            <a:avLst/>
          </a:prstGeom>
        </p:spPr>
      </p:pic>
      <p:sp>
        <p:nvSpPr>
          <p:cNvPr id="16" name="TextBox 15">
            <a:extLst>
              <a:ext uri="{FF2B5EF4-FFF2-40B4-BE49-F238E27FC236}">
                <a16:creationId xmlns:a16="http://schemas.microsoft.com/office/drawing/2014/main" id="{85262618-7A38-2CD6-EABB-C21286840B9E}"/>
              </a:ext>
            </a:extLst>
          </p:cNvPr>
          <p:cNvSpPr txBox="1"/>
          <p:nvPr/>
        </p:nvSpPr>
        <p:spPr>
          <a:xfrm>
            <a:off x="4418647" y="4667535"/>
            <a:ext cx="678180" cy="14859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/>
            <a:r>
              <a:rPr lang="en-IN" sz="375" b="1" spc="0" baseline="0">
                <a:ln/>
                <a:solidFill>
                  <a:srgbClr val="000000"/>
                </a:solidFill>
                <a:latin typeface="Helvetica"/>
                <a:cs typeface="Helvetica"/>
                <a:sym typeface="Helvetica"/>
                <a:rtl val="0"/>
              </a:rPr>
              <a:t>Created by SUBAIDA</a:t>
            </a:r>
          </a:p>
        </p:txBody>
      </p:sp>
      <p:grpSp>
        <p:nvGrpSpPr>
          <p:cNvPr id="21" name="Group 20">
            <a:extLst>
              <a:ext uri="{FF2B5EF4-FFF2-40B4-BE49-F238E27FC236}">
                <a16:creationId xmlns:a16="http://schemas.microsoft.com/office/drawing/2014/main" id="{B1E71123-DC1D-1582-A67B-3F2D5109E616}"/>
              </a:ext>
            </a:extLst>
          </p:cNvPr>
          <p:cNvGrpSpPr/>
          <p:nvPr/>
        </p:nvGrpSpPr>
        <p:grpSpPr>
          <a:xfrm>
            <a:off x="8950948" y="3624881"/>
            <a:ext cx="403888" cy="403888"/>
            <a:chOff x="8663851" y="2766284"/>
            <a:chExt cx="515145" cy="515145"/>
          </a:xfrm>
        </p:grpSpPr>
        <p:sp>
          <p:nvSpPr>
            <p:cNvPr id="20" name="Oval 19">
              <a:extLst>
                <a:ext uri="{FF2B5EF4-FFF2-40B4-BE49-F238E27FC236}">
                  <a16:creationId xmlns:a16="http://schemas.microsoft.com/office/drawing/2014/main" id="{270B9F3D-C2B2-CAD5-2F54-D9048315DD29}"/>
                </a:ext>
              </a:extLst>
            </p:cNvPr>
            <p:cNvSpPr/>
            <p:nvPr/>
          </p:nvSpPr>
          <p:spPr>
            <a:xfrm>
              <a:off x="8663851" y="2766284"/>
              <a:ext cx="515145" cy="515145"/>
            </a:xfrm>
            <a:prstGeom prst="ellipse">
              <a:avLst/>
            </a:prstGeom>
            <a:solidFill>
              <a:srgbClr val="C0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15" name="Freeform: Shape 14">
              <a:extLst>
                <a:ext uri="{FF2B5EF4-FFF2-40B4-BE49-F238E27FC236}">
                  <a16:creationId xmlns:a16="http://schemas.microsoft.com/office/drawing/2014/main" id="{1B2F2FAD-90D0-A9FA-A189-FDF8B4374BD5}"/>
                </a:ext>
              </a:extLst>
            </p:cNvPr>
            <p:cNvSpPr/>
            <p:nvPr/>
          </p:nvSpPr>
          <p:spPr>
            <a:xfrm>
              <a:off x="8709954" y="2812387"/>
              <a:ext cx="422938" cy="422938"/>
            </a:xfrm>
            <a:custGeom>
              <a:avLst/>
              <a:gdLst>
                <a:gd name="connsiteX0" fmla="*/ 1555718 w 3111436"/>
                <a:gd name="connsiteY0" fmla="*/ 0 h 3111436"/>
                <a:gd name="connsiteX1" fmla="*/ 2655761 w 3111436"/>
                <a:gd name="connsiteY1" fmla="*/ 455676 h 3111436"/>
                <a:gd name="connsiteX2" fmla="*/ 3111437 w 3111436"/>
                <a:gd name="connsiteY2" fmla="*/ 1555718 h 3111436"/>
                <a:gd name="connsiteX3" fmla="*/ 2655761 w 3111436"/>
                <a:gd name="connsiteY3" fmla="*/ 2655761 h 3111436"/>
                <a:gd name="connsiteX4" fmla="*/ 1555718 w 3111436"/>
                <a:gd name="connsiteY4" fmla="*/ 3111437 h 3111436"/>
                <a:gd name="connsiteX5" fmla="*/ 455676 w 3111436"/>
                <a:gd name="connsiteY5" fmla="*/ 2655761 h 3111436"/>
                <a:gd name="connsiteX6" fmla="*/ 0 w 3111436"/>
                <a:gd name="connsiteY6" fmla="*/ 1555718 h 3111436"/>
                <a:gd name="connsiteX7" fmla="*/ 455676 w 3111436"/>
                <a:gd name="connsiteY7" fmla="*/ 455676 h 3111436"/>
                <a:gd name="connsiteX8" fmla="*/ 1555718 w 3111436"/>
                <a:gd name="connsiteY8" fmla="*/ 0 h 3111436"/>
                <a:gd name="connsiteX9" fmla="*/ 1220057 w 3111436"/>
                <a:gd name="connsiteY9" fmla="*/ 1555718 h 3111436"/>
                <a:gd name="connsiteX10" fmla="*/ 1147096 w 3111436"/>
                <a:gd name="connsiteY10" fmla="*/ 1628680 h 3111436"/>
                <a:gd name="connsiteX11" fmla="*/ 1074134 w 3111436"/>
                <a:gd name="connsiteY11" fmla="*/ 1555718 h 3111436"/>
                <a:gd name="connsiteX12" fmla="*/ 1074134 w 3111436"/>
                <a:gd name="connsiteY12" fmla="*/ 897160 h 3111436"/>
                <a:gd name="connsiteX13" fmla="*/ 1147096 w 3111436"/>
                <a:gd name="connsiteY13" fmla="*/ 824294 h 3111436"/>
                <a:gd name="connsiteX14" fmla="*/ 1189577 w 3111436"/>
                <a:gd name="connsiteY14" fmla="*/ 837914 h 3111436"/>
                <a:gd name="connsiteX15" fmla="*/ 2280571 w 3111436"/>
                <a:gd name="connsiteY15" fmla="*/ 1493330 h 3111436"/>
                <a:gd name="connsiteX16" fmla="*/ 2305622 w 3111436"/>
                <a:gd name="connsiteY16" fmla="*/ 1592961 h 3111436"/>
                <a:gd name="connsiteX17" fmla="*/ 2279904 w 3111436"/>
                <a:gd name="connsiteY17" fmla="*/ 1618393 h 3111436"/>
                <a:gd name="connsiteX18" fmla="*/ 1184434 w 3111436"/>
                <a:gd name="connsiteY18" fmla="*/ 2276475 h 3111436"/>
                <a:gd name="connsiteX19" fmla="*/ 1084802 w 3111436"/>
                <a:gd name="connsiteY19" fmla="*/ 2251424 h 3111436"/>
                <a:gd name="connsiteX20" fmla="*/ 1109853 w 3111436"/>
                <a:gd name="connsiteY20" fmla="*/ 2151698 h 3111436"/>
                <a:gd name="connsiteX21" fmla="*/ 2102168 w 3111436"/>
                <a:gd name="connsiteY21" fmla="*/ 1555528 h 3111436"/>
                <a:gd name="connsiteX22" fmla="*/ 1220153 w 3111436"/>
                <a:gd name="connsiteY22" fmla="*/ 1025652 h 3111436"/>
                <a:gd name="connsiteX23" fmla="*/ 1220153 w 3111436"/>
                <a:gd name="connsiteY23" fmla="*/ 1555528 h 3111436"/>
                <a:gd name="connsiteX24" fmla="*/ 2552605 w 3111436"/>
                <a:gd name="connsiteY24" fmla="*/ 558737 h 3111436"/>
                <a:gd name="connsiteX25" fmla="*/ 1555623 w 3111436"/>
                <a:gd name="connsiteY25" fmla="*/ 145828 h 3111436"/>
                <a:gd name="connsiteX26" fmla="*/ 558641 w 3111436"/>
                <a:gd name="connsiteY26" fmla="*/ 558737 h 3111436"/>
                <a:gd name="connsiteX27" fmla="*/ 145733 w 3111436"/>
                <a:gd name="connsiteY27" fmla="*/ 1555718 h 3111436"/>
                <a:gd name="connsiteX28" fmla="*/ 558641 w 3111436"/>
                <a:gd name="connsiteY28" fmla="*/ 2552700 h 3111436"/>
                <a:gd name="connsiteX29" fmla="*/ 1555623 w 3111436"/>
                <a:gd name="connsiteY29" fmla="*/ 2965609 h 3111436"/>
                <a:gd name="connsiteX30" fmla="*/ 2552605 w 3111436"/>
                <a:gd name="connsiteY30" fmla="*/ 2552700 h 3111436"/>
                <a:gd name="connsiteX31" fmla="*/ 2965514 w 3111436"/>
                <a:gd name="connsiteY31" fmla="*/ 1555718 h 3111436"/>
                <a:gd name="connsiteX32" fmla="*/ 2552605 w 3111436"/>
                <a:gd name="connsiteY32" fmla="*/ 558737 h 31114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3111436" h="3111436">
                  <a:moveTo>
                    <a:pt x="1555718" y="0"/>
                  </a:moveTo>
                  <a:cubicBezTo>
                    <a:pt x="1985296" y="0"/>
                    <a:pt x="2374202" y="174117"/>
                    <a:pt x="2655761" y="455676"/>
                  </a:cubicBezTo>
                  <a:cubicBezTo>
                    <a:pt x="2937320" y="737235"/>
                    <a:pt x="3111437" y="1126141"/>
                    <a:pt x="3111437" y="1555718"/>
                  </a:cubicBezTo>
                  <a:cubicBezTo>
                    <a:pt x="3111437" y="1985296"/>
                    <a:pt x="2937320" y="2374202"/>
                    <a:pt x="2655761" y="2655761"/>
                  </a:cubicBezTo>
                  <a:cubicBezTo>
                    <a:pt x="2374202" y="2937320"/>
                    <a:pt x="1985296" y="3111437"/>
                    <a:pt x="1555718" y="3111437"/>
                  </a:cubicBezTo>
                  <a:cubicBezTo>
                    <a:pt x="1126141" y="3111437"/>
                    <a:pt x="737235" y="2937320"/>
                    <a:pt x="455676" y="2655761"/>
                  </a:cubicBezTo>
                  <a:cubicBezTo>
                    <a:pt x="174117" y="2374202"/>
                    <a:pt x="0" y="1985296"/>
                    <a:pt x="0" y="1555718"/>
                  </a:cubicBezTo>
                  <a:cubicBezTo>
                    <a:pt x="0" y="1126141"/>
                    <a:pt x="174117" y="737235"/>
                    <a:pt x="455676" y="455676"/>
                  </a:cubicBezTo>
                  <a:cubicBezTo>
                    <a:pt x="737235" y="174117"/>
                    <a:pt x="1126141" y="0"/>
                    <a:pt x="1555718" y="0"/>
                  </a:cubicBezTo>
                  <a:close/>
                  <a:moveTo>
                    <a:pt x="1220057" y="1555718"/>
                  </a:moveTo>
                  <a:cubicBezTo>
                    <a:pt x="1220057" y="1596009"/>
                    <a:pt x="1187387" y="1628680"/>
                    <a:pt x="1147096" y="1628680"/>
                  </a:cubicBezTo>
                  <a:cubicBezTo>
                    <a:pt x="1106805" y="1628680"/>
                    <a:pt x="1074134" y="1596009"/>
                    <a:pt x="1074134" y="1555718"/>
                  </a:cubicBezTo>
                  <a:lnTo>
                    <a:pt x="1074134" y="897160"/>
                  </a:lnTo>
                  <a:cubicBezTo>
                    <a:pt x="1074134" y="856964"/>
                    <a:pt x="1106805" y="824294"/>
                    <a:pt x="1147096" y="824294"/>
                  </a:cubicBezTo>
                  <a:cubicBezTo>
                    <a:pt x="1162907" y="824294"/>
                    <a:pt x="1177576" y="829342"/>
                    <a:pt x="1189577" y="837914"/>
                  </a:cubicBezTo>
                  <a:lnTo>
                    <a:pt x="2280571" y="1493330"/>
                  </a:lnTo>
                  <a:cubicBezTo>
                    <a:pt x="2314956" y="1513904"/>
                    <a:pt x="2326196" y="1558576"/>
                    <a:pt x="2305622" y="1592961"/>
                  </a:cubicBezTo>
                  <a:cubicBezTo>
                    <a:pt x="2299049" y="1603915"/>
                    <a:pt x="2290096" y="1612487"/>
                    <a:pt x="2279904" y="1618393"/>
                  </a:cubicBezTo>
                  <a:lnTo>
                    <a:pt x="1184434" y="2276475"/>
                  </a:lnTo>
                  <a:cubicBezTo>
                    <a:pt x="1150049" y="2297049"/>
                    <a:pt x="1105376" y="2285810"/>
                    <a:pt x="1084802" y="2251424"/>
                  </a:cubicBezTo>
                  <a:cubicBezTo>
                    <a:pt x="1064133" y="2216944"/>
                    <a:pt x="1075373" y="2172367"/>
                    <a:pt x="1109853" y="2151698"/>
                  </a:cubicBezTo>
                  <a:lnTo>
                    <a:pt x="2102168" y="1555528"/>
                  </a:lnTo>
                  <a:lnTo>
                    <a:pt x="1220153" y="1025652"/>
                  </a:lnTo>
                  <a:lnTo>
                    <a:pt x="1220153" y="1555528"/>
                  </a:lnTo>
                  <a:close/>
                  <a:moveTo>
                    <a:pt x="2552605" y="558737"/>
                  </a:moveTo>
                  <a:cubicBezTo>
                    <a:pt x="2297525" y="303657"/>
                    <a:pt x="1945005" y="145828"/>
                    <a:pt x="1555623" y="145828"/>
                  </a:cubicBezTo>
                  <a:cubicBezTo>
                    <a:pt x="1166336" y="145828"/>
                    <a:pt x="813816" y="303657"/>
                    <a:pt x="558641" y="558737"/>
                  </a:cubicBezTo>
                  <a:cubicBezTo>
                    <a:pt x="303562" y="813816"/>
                    <a:pt x="145733" y="1166336"/>
                    <a:pt x="145733" y="1555718"/>
                  </a:cubicBezTo>
                  <a:cubicBezTo>
                    <a:pt x="145733" y="1945005"/>
                    <a:pt x="303562" y="2297525"/>
                    <a:pt x="558641" y="2552700"/>
                  </a:cubicBezTo>
                  <a:cubicBezTo>
                    <a:pt x="813721" y="2807779"/>
                    <a:pt x="1166241" y="2965609"/>
                    <a:pt x="1555623" y="2965609"/>
                  </a:cubicBezTo>
                  <a:cubicBezTo>
                    <a:pt x="1944910" y="2965609"/>
                    <a:pt x="2297430" y="2807779"/>
                    <a:pt x="2552605" y="2552700"/>
                  </a:cubicBezTo>
                  <a:cubicBezTo>
                    <a:pt x="2807684" y="2297621"/>
                    <a:pt x="2965514" y="1945100"/>
                    <a:pt x="2965514" y="1555718"/>
                  </a:cubicBezTo>
                  <a:cubicBezTo>
                    <a:pt x="2965514" y="1166432"/>
                    <a:pt x="2807684" y="813911"/>
                    <a:pt x="2552605" y="558737"/>
                  </a:cubicBezTo>
                  <a:close/>
                </a:path>
              </a:pathLst>
            </a:custGeom>
            <a:solidFill>
              <a:srgbClr val="FFFFFF"/>
            </a:solidFill>
            <a:ln w="9525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sp>
        <p:nvSpPr>
          <p:cNvPr id="22" name="Rectangle 21">
            <a:hlinkClick r:id="rId10"/>
            <a:extLst>
              <a:ext uri="{FF2B5EF4-FFF2-40B4-BE49-F238E27FC236}">
                <a16:creationId xmlns:a16="http://schemas.microsoft.com/office/drawing/2014/main" id="{324A0A4D-D99F-1C4B-C2D5-40583F73F3F9}"/>
              </a:ext>
            </a:extLst>
          </p:cNvPr>
          <p:cNvSpPr/>
          <p:nvPr/>
        </p:nvSpPr>
        <p:spPr>
          <a:xfrm>
            <a:off x="7315981" y="2651760"/>
            <a:ext cx="3715559" cy="2293620"/>
          </a:xfrm>
          <a:prstGeom prst="rect">
            <a:avLst/>
          </a:prstGeom>
          <a:solidFill>
            <a:srgbClr val="5B9BD5">
              <a:alpha val="0"/>
            </a:srgb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5256FBE-9138-97E5-78D9-48040098368A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 the Play button to play the  sample</a:t>
            </a:r>
            <a:endParaRPr lang="en-US" sz="1200" dirty="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96230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ROJECT_OPEN" val="0"/>
  <p:tag name="ARTICULATE_DESIGN_ID_WELCOMEDOC" val="NkpO14G4"/>
  <p:tag name="ARTICULATE_SLIDE_COUNT" val="10"/>
  <p:tag name="SECTOMILLISECCONVERTED" val="1"/>
  <p:tag name="MMPROD_NEXTUNIQUEID" val="10010"/>
  <p:tag name="MMPROD_UIDATA" val="&lt;database version=&quot;8.0&quot;&gt;&lt;object type=&quot;1&quot; unique_id=&quot;10001&quot;&gt;&lt;object type=&quot;2&quot; unique_id=&quot;11732&quot;&gt;&lt;object type=&quot;3&quot; unique_id=&quot;11733&quot;&gt;&lt;property id=&quot;20148&quot; value=&quot;5&quot;/&gt;&lt;property id=&quot;20300&quot; value=&quot;Slide 1&quot;/&gt;&lt;property id=&quot;20307&quot; value=&quot;299&quot;/&gt;&lt;/object&gt;&lt;object type=&quot;3&quot; unique_id=&quot;11734&quot;&gt;&lt;property id=&quot;20148&quot; value=&quot;5&quot;/&gt;&lt;property id=&quot;20300&quot; value=&quot;Slide 2 - &amp;quot;Photoshop Samples &amp;quot;&quot;/&gt;&lt;property id=&quot;20307&quot; value=&quot;289&quot;/&gt;&lt;/object&gt;&lt;object type=&quot;3&quot; unique_id=&quot;11735&quot;&gt;&lt;property id=&quot;20148&quot; value=&quot;5&quot;/&gt;&lt;property id=&quot;20300&quot; value=&quot;Slide 7 - &amp;quot;Storyline Samples &amp;quot;&quot;/&gt;&lt;property id=&quot;20307&quot; value=&quot;320&quot;/&gt;&lt;/object&gt;&lt;object type=&quot;3&quot; unique_id=&quot;11736&quot;&gt;&lt;property id=&quot;20148&quot; value=&quot;5&quot;/&gt;&lt;property id=&quot;20300&quot; value=&quot;Slide 8 - &amp;quot; Storyline Samples &amp;quot;&quot;/&gt;&lt;property id=&quot;20307&quot; value=&quot;330&quot;/&gt;&lt;/object&gt;&lt;object type=&quot;3&quot; unique_id=&quot;11737&quot;&gt;&lt;property id=&quot;20148&quot; value=&quot;5&quot;/&gt;&lt;property id=&quot;20300&quot; value=&quot;Slide 9 - &amp;quot;Rise Samples&amp;quot;&quot;/&gt;&lt;property id=&quot;20307&quot; value=&quot;328&quot;/&gt;&lt;/object&gt;&lt;object type=&quot;3&quot; unique_id=&quot;11741&quot;&gt;&lt;property id=&quot;20148&quot; value=&quot;5&quot;/&gt;&lt;property id=&quot;20300&quot; value=&quot;Slide 10 - &amp;quot; Illustrator Samples&amp;quot;&quot;/&gt;&lt;property id=&quot;20307&quot; value=&quot;332&quot;/&gt;&lt;/object&gt;&lt;object type=&quot;3&quot; unique_id=&quot;11742&quot;&gt;&lt;property id=&quot;20148&quot; value=&quot;5&quot;/&gt;&lt;property id=&quot;20300&quot; value=&quot;Slide 11 - &amp;quot;Training Tool&amp;quot;&quot;/&gt;&lt;property id=&quot;20307&quot; value=&quot;333&quot;/&gt;&lt;/object&gt;&lt;object type=&quot;3&quot; unique_id=&quot;11743&quot;&gt;&lt;property id=&quot;20148&quot; value=&quot;5&quot;/&gt;&lt;property id=&quot;20300&quot; value=&quot;Slide 12 - &amp;quot;THANK YOU&amp;quot;&quot;/&gt;&lt;property id=&quot;20307&quot; value=&quot;298&quot;/&gt;&lt;/object&gt;&lt;object type=&quot;3&quot; unique_id=&quot;12818&quot;&gt;&lt;property id=&quot;20148&quot; value=&quot;5&quot;/&gt;&lt;property id=&quot;20300&quot; value=&quot;Slide 3 - &amp;quot;Photoshop Samples &amp;quot;&quot;/&gt;&lt;property id=&quot;20307&quot; value=&quot;337&quot;/&gt;&lt;/object&gt;&lt;object type=&quot;3&quot; unique_id=&quot;12819&quot;&gt;&lt;property id=&quot;20148&quot; value=&quot;5&quot;/&gt;&lt;property id=&quot;20300&quot; value=&quot;Slide 4 - &amp;quot;Photoshop Samples &amp;quot;&quot;/&gt;&lt;property id=&quot;20307&quot; value=&quot;335&quot;/&gt;&lt;/object&gt;&lt;object type=&quot;3&quot; unique_id=&quot;12820&quot;&gt;&lt;property id=&quot;20148&quot; value=&quot;5&quot;/&gt;&lt;property id=&quot;20300&quot; value=&quot;Slide 5 - &amp;quot;Photoshop Samples &amp;quot;&quot;/&gt;&lt;property id=&quot;20307&quot; value=&quot;336&quot;/&gt;&lt;/object&gt;&lt;object type=&quot;3&quot; unique_id=&quot;12821&quot;&gt;&lt;property id=&quot;20148&quot; value=&quot;5&quot;/&gt;&lt;property id=&quot;20300&quot; value=&quot;Slide 6 - &amp;quot;Flash Video Mockups&amp;quot;&quot;/&gt;&lt;property id=&quot;20307&quot; value=&quot;334&quot;/&gt;&lt;/object&gt;&lt;/object&gt;&lt;object type=&quot;8&quot; unique_id=&quot;11756&quot;&gt;&lt;/object&gt;&lt;/object&gt;&lt;/database&gt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WelcomeDoc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Segoe UI">
      <a:majorFont>
        <a:latin typeface="Segoe UI Light"/>
        <a:ea typeface=""/>
        <a:cs typeface=""/>
      </a:majorFont>
      <a:minorFont>
        <a:latin typeface="Segoe UI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f10001108_win32_fixed.potx" id="{9A9BE078-57A7-48B2-9D33-8EFC365D262A}" vid="{66905093-CF97-471D-A25F-2AFDA5521695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309</TotalTime>
  <Words>427</Words>
  <Application>Microsoft Office PowerPoint</Application>
  <PresentationFormat>Widescreen</PresentationFormat>
  <Paragraphs>111</Paragraphs>
  <Slides>20</Slides>
  <Notes>1</Notes>
  <HiddenSlides>0</HiddenSlides>
  <MMClips>1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0</vt:i4>
      </vt:variant>
    </vt:vector>
  </HeadingPairs>
  <TitlesOfParts>
    <vt:vector size="21" baseType="lpstr">
      <vt:lpstr>WelcomeDoc</vt:lpstr>
      <vt:lpstr>PowerPoint Presentation</vt:lpstr>
      <vt:lpstr>Photoshop Samples </vt:lpstr>
      <vt:lpstr>Photoshop Samples </vt:lpstr>
      <vt:lpstr>Photoshop Samples </vt:lpstr>
      <vt:lpstr>Photoshop Samples </vt:lpstr>
      <vt:lpstr>ILT Design in PowerPoint</vt:lpstr>
      <vt:lpstr>Storyline Samples </vt:lpstr>
      <vt:lpstr>Storyline Samples </vt:lpstr>
      <vt:lpstr> Storyline Samples review link</vt:lpstr>
      <vt:lpstr>Captivate Samples (Micro Learning)</vt:lpstr>
      <vt:lpstr>Micro Learning</vt:lpstr>
      <vt:lpstr> Camtasia Sample link</vt:lpstr>
      <vt:lpstr>Video Based Learning</vt:lpstr>
      <vt:lpstr>Video Based Learning (Whiteboard or Green screen videos)</vt:lpstr>
      <vt:lpstr>Rise Samples</vt:lpstr>
      <vt:lpstr> Illustrator Samples</vt:lpstr>
      <vt:lpstr> Adobe XD Samples</vt:lpstr>
      <vt:lpstr> Adobe XD Samples</vt:lpstr>
      <vt:lpstr>Training Tool</vt:lpstr>
      <vt:lpstr>THANK YOU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Vrushali Alaspure_Profile</dc:title>
  <dc:creator>Vinod More</dc:creator>
  <cp:lastModifiedBy>Kamar Hussain</cp:lastModifiedBy>
  <cp:revision>270</cp:revision>
  <dcterms:created xsi:type="dcterms:W3CDTF">2021-12-15T09:32:55Z</dcterms:created>
  <dcterms:modified xsi:type="dcterms:W3CDTF">2024-01-03T14:15:25Z</dcterms:modified>
  <cp:version/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86BE0908-645C-4043-874D-C80BEE861932</vt:lpwstr>
  </property>
  <property fmtid="{D5CDD505-2E9C-101B-9397-08002B2CF9AE}" pid="3" name="ArticulatePath">
    <vt:lpwstr>Rashmi_Patel_Portfolio</vt:lpwstr>
  </property>
</Properties>
</file>